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defaultThemeVersion="202300"/>
  <mc:AlternateContent xmlns:mc="http://schemas.openxmlformats.org/markup-compatibility/2006">
    <mc:Choice Requires="x15">
      <x15ac:absPath xmlns:x15ac="http://schemas.microsoft.com/office/spreadsheetml/2010/11/ac" url="\\kfs01\s1169\2025_05労働統計課\02毎月勤労統計\01　2025年度\08 報告書（月報、年報、賞与）\01 月報\R8.1月分（新集計）\04 公表資料\CMS用\R8.1月分HP掲載用\"/>
    </mc:Choice>
  </mc:AlternateContent>
  <xr:revisionPtr revIDLastSave="0" documentId="13_ncr:1_{CBB215C0-0345-455A-A96B-3B54787861BB}" xr6:coauthVersionLast="47" xr6:coauthVersionMax="47" xr10:uidLastSave="{00000000-0000-0000-0000-000000000000}"/>
  <bookViews>
    <workbookView xWindow="2565" yWindow="1155" windowWidth="25545" windowHeight="14235" xr2:uid="{D5D14C48-4E8A-4DE2-8939-FA6519C8E3D1}"/>
  </bookViews>
  <sheets>
    <sheet name="第1表" sheetId="2" r:id="rId1"/>
    <sheet name="第2-1表" sheetId="3" r:id="rId2"/>
    <sheet name="第2-2表" sheetId="4" r:id="rId3"/>
    <sheet name="第3-1表" sheetId="5" r:id="rId4"/>
    <sheet name="第3-2表" sheetId="6" r:id="rId5"/>
    <sheet name="第4-1表" sheetId="7" r:id="rId6"/>
    <sheet name="第4-2表" sheetId="8" r:id="rId7"/>
    <sheet name="第5-1表" sheetId="9" r:id="rId8"/>
    <sheet name="第5-2表" sheetId="10" r:id="rId9"/>
    <sheet name="第6-1表" sheetId="11" r:id="rId10"/>
    <sheet name="第6-2表" sheetId="12" r:id="rId11"/>
    <sheet name="第6-3表" sheetId="13" r:id="rId12"/>
    <sheet name="第6-4表" sheetId="14" r:id="rId13"/>
    <sheet name="第7-1表" sheetId="15" r:id="rId14"/>
    <sheet name="第7-2表" sheetId="16" r:id="rId15"/>
    <sheet name="第7-3表" sheetId="17" r:id="rId16"/>
    <sheet name="第8表" sheetId="18" r:id="rId17"/>
    <sheet name="参考資料" sheetId="20" r:id="rId18"/>
  </sheets>
  <definedNames>
    <definedName name="_xlnm.Print_Area" localSheetId="17">参考資料!$A$1:$J$43</definedName>
    <definedName name="_xlnm.Print_Area" localSheetId="0">第1表!$A$1:$AT$61</definedName>
    <definedName name="_xlnm.Print_Area" localSheetId="1">'第2-1表'!$A$1:$O$48</definedName>
    <definedName name="_xlnm.Print_Area" localSheetId="2">'第2-2表'!$A$1:$O$48</definedName>
    <definedName name="_xlnm.Print_Area" localSheetId="3">'第3-1表'!$A$1:$P$48</definedName>
    <definedName name="_xlnm.Print_Area" localSheetId="4">'第3-2表'!$A$1:$P$48</definedName>
    <definedName name="_xlnm.Print_Area" localSheetId="5">'第4-1表'!$A$1:$S$47</definedName>
    <definedName name="_xlnm.Print_Area" localSheetId="6">'第4-2表'!$A$1:$S$47</definedName>
    <definedName name="_xlnm.Print_Area" localSheetId="7">'第5-1表'!$A$1:$S$24</definedName>
    <definedName name="_xlnm.Print_Area" localSheetId="8">'第5-2表'!$A$1:$S$24</definedName>
    <definedName name="_xlnm.Print_Area" localSheetId="9">'第6-1表'!$A$1:$AJ$50</definedName>
    <definedName name="_xlnm.Print_Area" localSheetId="10">'第6-2表'!$A$1:$AJ$50</definedName>
    <definedName name="_xlnm.Print_Area" localSheetId="11">'第6-3表'!$A$1:$AJ$50</definedName>
    <definedName name="_xlnm.Print_Area" localSheetId="12">'第6-4表'!$A$1:$AJ$50</definedName>
    <definedName name="_xlnm.Print_Area" localSheetId="13">'第7-1表'!$A$1:$AJ$50</definedName>
    <definedName name="_xlnm.Print_Area" localSheetId="14">'第7-2表'!$A$1:$AJ$50</definedName>
    <definedName name="_xlnm.Print_Area" localSheetId="15">'第7-3表'!$A$1:$AJ$50</definedName>
    <definedName name="_xlnm.Print_Area" localSheetId="16">第8表!$A$1:$AJ$50</definedName>
    <definedName name="Z_E9C96189_40EE_4CA5_9278_CBDCBEA98A3A_.wvu.PrintArea" localSheetId="0" hidden="1">第1表!$A$3:$M$61</definedName>
    <definedName name="Z_E9C96189_40EE_4CA5_9278_CBDCBEA98A3A_.wvu.PrintArea" localSheetId="7" hidden="1">'第5-1表'!$A$1:$S$26</definedName>
    <definedName name="第１表2011年10月分">#REF!</definedName>
    <definedName name="第１表2011年11月分">#REF!</definedName>
    <definedName name="第１表2011年１月分">#REF!</definedName>
    <definedName name="第１表2011年２月分">#REF!</definedName>
    <definedName name="第１表2011年３月分">#REF!</definedName>
    <definedName name="第１表2011年４月分">#REF!</definedName>
    <definedName name="第１表2011年５月分">#REF!</definedName>
    <definedName name="第１表2011年６月分">#REF!</definedName>
    <definedName name="第１表2011年７月分">#REF!</definedName>
    <definedName name="第１表2011年８月分">#REF!</definedName>
    <definedName name="第１表2011年９月分">#REF!</definedName>
    <definedName name="第５表の１2011年10月分">#REF!</definedName>
    <definedName name="第５表の１2011年11月分">#REF!</definedName>
    <definedName name="第５表の１2011年12月分">#REF!</definedName>
    <definedName name="第５表の１2011年１月分">#REF!</definedName>
    <definedName name="第５表の１2011年２月分">#REF!</definedName>
    <definedName name="第５表の１2011年３月分">#REF!</definedName>
    <definedName name="第５表の１2011年４月分">#REF!</definedName>
    <definedName name="第５表の１2011年５月分">#REF!</definedName>
    <definedName name="第５表の１2011年６月分">#REF!</definedName>
    <definedName name="第５表の１2011年７月分">#REF!</definedName>
    <definedName name="第５表の１2011年８月分">#REF!</definedName>
    <definedName name="第５表の１2011年９月分">#REF!</definedName>
    <definedName name="第５表の２2011年10月分">#REF!</definedName>
    <definedName name="第５表の２2011年11月分">#REF!</definedName>
    <definedName name="第５表の２2011年12月分">#REF!</definedName>
    <definedName name="第５表の２2011年１月分">#REF!</definedName>
    <definedName name="第５表の２2011年２月分">#REF!</definedName>
    <definedName name="第５表の２2011年３月分">#REF!</definedName>
    <definedName name="第５表の２2011年４月分">#REF!</definedName>
    <definedName name="第５表の２2011年５月分">#REF!</definedName>
    <definedName name="第５表の２2011年６月分">#REF!</definedName>
    <definedName name="第５表の２2011年７月分">#REF!</definedName>
    <definedName name="第５表の２2011年８月分">#REF!</definedName>
    <definedName name="第５表の２2011年９月分">#REF!</definedName>
    <definedName name="平成23年１月">#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979" uniqueCount="266">
  <si>
    <t>事業所規模</t>
    <phoneticPr fontId="4"/>
  </si>
  <si>
    <t>％</t>
    <phoneticPr fontId="4"/>
  </si>
  <si>
    <t>ポイント</t>
    <phoneticPr fontId="4"/>
  </si>
  <si>
    <t>統計表</t>
    <phoneticPr fontId="4"/>
  </si>
  <si>
    <t>第1表　　　事業所規模別状況</t>
    <phoneticPr fontId="4"/>
  </si>
  <si>
    <t>現金給与総額</t>
    <phoneticPr fontId="4"/>
  </si>
  <si>
    <t>きまって
支給する給与</t>
    <phoneticPr fontId="4"/>
  </si>
  <si>
    <t>特別に支払
われた給与</t>
    <phoneticPr fontId="4"/>
  </si>
  <si>
    <t>所定内給与</t>
    <phoneticPr fontId="4"/>
  </si>
  <si>
    <t>所定外給与</t>
    <phoneticPr fontId="4"/>
  </si>
  <si>
    <t>前年同月比</t>
    <phoneticPr fontId="4"/>
  </si>
  <si>
    <t>円</t>
    <phoneticPr fontId="4"/>
  </si>
  <si>
    <t>５人以上計</t>
    <phoneticPr fontId="4"/>
  </si>
  <si>
    <t>30人以上計</t>
    <phoneticPr fontId="4"/>
  </si>
  <si>
    <t>500人以上</t>
    <phoneticPr fontId="4"/>
  </si>
  <si>
    <t>100～499人</t>
    <phoneticPr fontId="4"/>
  </si>
  <si>
    <t>30～99人</t>
    <phoneticPr fontId="4"/>
  </si>
  <si>
    <t>５～29人</t>
    <phoneticPr fontId="4"/>
  </si>
  <si>
    <t>出勤日数</t>
    <phoneticPr fontId="4"/>
  </si>
  <si>
    <t>総実労働時間</t>
    <phoneticPr fontId="4"/>
  </si>
  <si>
    <t>所定内労働時間</t>
    <phoneticPr fontId="4"/>
  </si>
  <si>
    <t>所定外労働時間</t>
    <phoneticPr fontId="4"/>
  </si>
  <si>
    <t>日</t>
    <phoneticPr fontId="4"/>
  </si>
  <si>
    <t>時間</t>
    <phoneticPr fontId="4"/>
  </si>
  <si>
    <t>常用労働者数</t>
    <phoneticPr fontId="4"/>
  </si>
  <si>
    <t>労働異動率</t>
    <phoneticPr fontId="4"/>
  </si>
  <si>
    <t>ﾊﾟｰﾄﾀｲﾑ労働者数</t>
    <phoneticPr fontId="4"/>
  </si>
  <si>
    <t>入職率</t>
    <phoneticPr fontId="4"/>
  </si>
  <si>
    <t>離職率</t>
    <phoneticPr fontId="4"/>
  </si>
  <si>
    <t xml:space="preserve">比率  </t>
    <phoneticPr fontId="4"/>
  </si>
  <si>
    <t xml:space="preserve">前年同月差 </t>
    <phoneticPr fontId="4"/>
  </si>
  <si>
    <t>人</t>
    <phoneticPr fontId="4"/>
  </si>
  <si>
    <t>- 8 -</t>
    <phoneticPr fontId="4"/>
  </si>
  <si>
    <t>TL</t>
    <phoneticPr fontId="4"/>
  </si>
  <si>
    <t>Ｄ</t>
    <phoneticPr fontId="4"/>
  </si>
  <si>
    <t>Ｅ</t>
    <phoneticPr fontId="4"/>
  </si>
  <si>
    <t>Ｆ</t>
    <phoneticPr fontId="4"/>
  </si>
  <si>
    <t>Ｇ</t>
    <phoneticPr fontId="4"/>
  </si>
  <si>
    <t>Ｈ</t>
    <phoneticPr fontId="4"/>
  </si>
  <si>
    <t>Ｉ</t>
    <phoneticPr fontId="4"/>
  </si>
  <si>
    <t>Ｊ</t>
    <phoneticPr fontId="4"/>
  </si>
  <si>
    <t>Ｋ</t>
    <phoneticPr fontId="4"/>
  </si>
  <si>
    <t>Ｌ</t>
    <phoneticPr fontId="4"/>
  </si>
  <si>
    <t>M</t>
    <phoneticPr fontId="4"/>
  </si>
  <si>
    <t>Ｎ</t>
    <phoneticPr fontId="4"/>
  </si>
  <si>
    <t>O</t>
    <phoneticPr fontId="4"/>
  </si>
  <si>
    <t>Ｐ</t>
    <phoneticPr fontId="4"/>
  </si>
  <si>
    <t>Ｑ</t>
    <phoneticPr fontId="4"/>
  </si>
  <si>
    <t>R</t>
    <phoneticPr fontId="4"/>
  </si>
  <si>
    <t>Ｅ09・10</t>
    <phoneticPr fontId="4"/>
  </si>
  <si>
    <t>Ｅ11</t>
    <phoneticPr fontId="4"/>
  </si>
  <si>
    <t>Ｅ13</t>
    <phoneticPr fontId="4"/>
  </si>
  <si>
    <t>Ｅ14</t>
    <phoneticPr fontId="4"/>
  </si>
  <si>
    <t>Ｅ15</t>
    <phoneticPr fontId="4"/>
  </si>
  <si>
    <t>Ｅ16・17</t>
    <phoneticPr fontId="4"/>
  </si>
  <si>
    <t>Ｅ18</t>
    <phoneticPr fontId="4"/>
  </si>
  <si>
    <t>Ｅ19</t>
    <phoneticPr fontId="4"/>
  </si>
  <si>
    <t>Ｅ21</t>
    <phoneticPr fontId="4"/>
  </si>
  <si>
    <t>Ｅ22</t>
    <phoneticPr fontId="4"/>
  </si>
  <si>
    <t>Ｅ23</t>
    <phoneticPr fontId="4"/>
  </si>
  <si>
    <t>Ｅ24</t>
    <phoneticPr fontId="4"/>
  </si>
  <si>
    <t>Ｅ25</t>
    <phoneticPr fontId="4"/>
  </si>
  <si>
    <t>Ｅ26</t>
    <phoneticPr fontId="4"/>
  </si>
  <si>
    <t>Ｅ27</t>
    <phoneticPr fontId="4"/>
  </si>
  <si>
    <t>Ｅ28</t>
    <phoneticPr fontId="4"/>
  </si>
  <si>
    <t>Ｅ29</t>
    <phoneticPr fontId="4"/>
  </si>
  <si>
    <t>Ｅ30</t>
    <phoneticPr fontId="4"/>
  </si>
  <si>
    <t>Ｅ31</t>
    <phoneticPr fontId="4"/>
  </si>
  <si>
    <t>Ｐ83</t>
    <phoneticPr fontId="4"/>
  </si>
  <si>
    <t>第２－１表　　　産業、性別常用労働者の1人平均月間現金給与額</t>
    <phoneticPr fontId="4"/>
  </si>
  <si>
    <t>(事業所規模　５人以上）</t>
    <phoneticPr fontId="4"/>
  </si>
  <si>
    <t>(単位：円）</t>
    <phoneticPr fontId="4"/>
  </si>
  <si>
    <t>産　　　　　業</t>
    <phoneticPr fontId="4"/>
  </si>
  <si>
    <t>計</t>
    <phoneticPr fontId="4"/>
  </si>
  <si>
    <t>男性</t>
    <phoneticPr fontId="4"/>
  </si>
  <si>
    <t>女性</t>
    <phoneticPr fontId="4"/>
  </si>
  <si>
    <t>産　業</t>
    <phoneticPr fontId="4"/>
  </si>
  <si>
    <t>きまって支給
する給与</t>
    <phoneticPr fontId="4"/>
  </si>
  <si>
    <t>調査産業計</t>
    <phoneticPr fontId="4"/>
  </si>
  <si>
    <t>建設業</t>
    <phoneticPr fontId="4"/>
  </si>
  <si>
    <t>製造業</t>
    <phoneticPr fontId="4"/>
  </si>
  <si>
    <t>電気・ガス・熱供給・水道業</t>
    <phoneticPr fontId="4"/>
  </si>
  <si>
    <t>情報通信業</t>
    <phoneticPr fontId="4"/>
  </si>
  <si>
    <t>運輸業,郵便業</t>
    <phoneticPr fontId="4"/>
  </si>
  <si>
    <t>卸売業,小売業</t>
    <phoneticPr fontId="4"/>
  </si>
  <si>
    <t>金融業,保険業</t>
    <phoneticPr fontId="4"/>
  </si>
  <si>
    <t>不動産業,物品賃貸業</t>
    <phoneticPr fontId="4"/>
  </si>
  <si>
    <t>学術研究,専門・技術サービス業</t>
    <phoneticPr fontId="4"/>
  </si>
  <si>
    <t>宿泊業,飲食サービス業</t>
    <phoneticPr fontId="4"/>
  </si>
  <si>
    <t>生活関連サービス業,娯楽業</t>
    <phoneticPr fontId="4"/>
  </si>
  <si>
    <t>教育,学習支援業</t>
    <phoneticPr fontId="4"/>
  </si>
  <si>
    <t>医療，福祉</t>
    <phoneticPr fontId="4"/>
  </si>
  <si>
    <t>複合サービス事業</t>
    <phoneticPr fontId="4"/>
  </si>
  <si>
    <t>サービス業</t>
    <phoneticPr fontId="4"/>
  </si>
  <si>
    <t>食料品・たばこ</t>
    <phoneticPr fontId="4"/>
  </si>
  <si>
    <t>繊維工業</t>
    <phoneticPr fontId="4"/>
  </si>
  <si>
    <t>家具・装備品</t>
    <phoneticPr fontId="4"/>
  </si>
  <si>
    <t>パルプ･紙</t>
    <phoneticPr fontId="4"/>
  </si>
  <si>
    <t>印刷・同関連業</t>
    <phoneticPr fontId="4"/>
  </si>
  <si>
    <t>化学、石油・石炭</t>
    <phoneticPr fontId="4"/>
  </si>
  <si>
    <t>プラスチック製品</t>
    <phoneticPr fontId="4"/>
  </si>
  <si>
    <t>ゴム製品</t>
    <phoneticPr fontId="4"/>
  </si>
  <si>
    <t>窯業・土石製品</t>
    <phoneticPr fontId="4"/>
  </si>
  <si>
    <t>鉄鋼業</t>
    <phoneticPr fontId="4"/>
  </si>
  <si>
    <t>非鉄金属製造業</t>
    <phoneticPr fontId="4"/>
  </si>
  <si>
    <t>金属製品製造業</t>
    <phoneticPr fontId="4"/>
  </si>
  <si>
    <t>はん用機械器具</t>
    <phoneticPr fontId="4"/>
  </si>
  <si>
    <t>生産用機械器具</t>
    <phoneticPr fontId="4"/>
  </si>
  <si>
    <t>業務用機械器具</t>
    <phoneticPr fontId="4"/>
  </si>
  <si>
    <t>電子・デバイス</t>
    <phoneticPr fontId="4"/>
  </si>
  <si>
    <t>電気機械器具</t>
    <phoneticPr fontId="4"/>
  </si>
  <si>
    <t>情報通信機械器具</t>
    <phoneticPr fontId="4"/>
  </si>
  <si>
    <t>輸送用機械器具</t>
    <phoneticPr fontId="4"/>
  </si>
  <si>
    <t>Ｅ一括</t>
    <phoneticPr fontId="4"/>
  </si>
  <si>
    <t>Ｅ一括分</t>
    <phoneticPr fontId="4"/>
  </si>
  <si>
    <t>医療業</t>
    <phoneticPr fontId="4"/>
  </si>
  <si>
    <t>- 9 -</t>
    <phoneticPr fontId="4"/>
  </si>
  <si>
    <t>第２－２表　　　産業、性別常用労働者の1人平均月間現金給与額</t>
    <phoneticPr fontId="4"/>
  </si>
  <si>
    <t>(事業所規模　30人以上）</t>
    <phoneticPr fontId="4"/>
  </si>
  <si>
    <t>- 10 -</t>
    <phoneticPr fontId="4"/>
  </si>
  <si>
    <t>第３－１表　　　産業、性別常用労働者の1人平均月間出勤日数及び実労働時間数</t>
    <phoneticPr fontId="4"/>
  </si>
  <si>
    <t>(単位：日、時間）</t>
    <phoneticPr fontId="4"/>
  </si>
  <si>
    <t xml:space="preserve">  総実労働時間</t>
    <phoneticPr fontId="4"/>
  </si>
  <si>
    <t xml:space="preserve">  総実労働時間　</t>
    <phoneticPr fontId="4"/>
  </si>
  <si>
    <t>所定内</t>
    <phoneticPr fontId="4"/>
  </si>
  <si>
    <t>所定外</t>
    <phoneticPr fontId="4"/>
  </si>
  <si>
    <t>労働時間</t>
    <phoneticPr fontId="4"/>
  </si>
  <si>
    <t>- 11 -</t>
    <phoneticPr fontId="4"/>
  </si>
  <si>
    <t>第３－２表　　　産業、性別常用労働者の1人平均月間出勤日数及び実労働時間数</t>
    <phoneticPr fontId="4"/>
  </si>
  <si>
    <t>- 12 -</t>
    <phoneticPr fontId="4"/>
  </si>
  <si>
    <t>ﾊﾟｰﾄﾀｲﾑ</t>
    <phoneticPr fontId="4"/>
  </si>
  <si>
    <t>ﾊﾟｰﾄ</t>
    <phoneticPr fontId="4"/>
  </si>
  <si>
    <t>第４－１表　　　産業、性別常用労働者数及び労働異動率</t>
    <phoneticPr fontId="4"/>
  </si>
  <si>
    <t>(単位：人、％）</t>
    <phoneticPr fontId="4"/>
  </si>
  <si>
    <t>男　　　　　性</t>
    <phoneticPr fontId="4"/>
  </si>
  <si>
    <t>女　　　　　性</t>
    <phoneticPr fontId="4"/>
  </si>
  <si>
    <t>本月末
常用労働者数</t>
    <phoneticPr fontId="4"/>
  </si>
  <si>
    <t>労働者数</t>
    <phoneticPr fontId="4"/>
  </si>
  <si>
    <t>比率</t>
    <phoneticPr fontId="4"/>
  </si>
  <si>
    <t>- 13 -</t>
    <phoneticPr fontId="4"/>
  </si>
  <si>
    <t>第４－２表　　　産業、性別常用労働者数及び労働異動率</t>
    <phoneticPr fontId="4"/>
  </si>
  <si>
    <t>- 14 -</t>
    <phoneticPr fontId="4"/>
  </si>
  <si>
    <t xml:space="preserve">％ </t>
    <phoneticPr fontId="4"/>
  </si>
  <si>
    <t>(％）</t>
    <phoneticPr fontId="4"/>
  </si>
  <si>
    <t>第５－１表　　　産業、一般・パートタイム労働者別実数表</t>
    <phoneticPr fontId="4"/>
  </si>
  <si>
    <t>(事業所規模　　５人以上）</t>
    <phoneticPr fontId="4"/>
  </si>
  <si>
    <t>　項　　　　　　目</t>
    <phoneticPr fontId="4"/>
  </si>
  <si>
    <t>卸売業，小売業</t>
    <phoneticPr fontId="4"/>
  </si>
  <si>
    <t>一般労働者</t>
    <phoneticPr fontId="4"/>
  </si>
  <si>
    <t>ﾊﾟｰﾄﾀｲﾑ労働者</t>
    <phoneticPr fontId="4"/>
  </si>
  <si>
    <t xml:space="preserve"> 前年同月比</t>
    <phoneticPr fontId="4"/>
  </si>
  <si>
    <t>(単位)</t>
    <phoneticPr fontId="4"/>
  </si>
  <si>
    <t>(円）</t>
    <phoneticPr fontId="4"/>
  </si>
  <si>
    <t>きまって支給する給与</t>
    <phoneticPr fontId="4"/>
  </si>
  <si>
    <t>-</t>
    <phoneticPr fontId="4"/>
  </si>
  <si>
    <t>特別に支払われた給与</t>
    <phoneticPr fontId="4"/>
  </si>
  <si>
    <t>(日）</t>
    <phoneticPr fontId="4"/>
  </si>
  <si>
    <t>(時間）</t>
    <phoneticPr fontId="4"/>
  </si>
  <si>
    <t>(人）</t>
    <phoneticPr fontId="4"/>
  </si>
  <si>
    <t>- 15 -</t>
    <phoneticPr fontId="4"/>
  </si>
  <si>
    <t>第５－２表　　　産業、一般・パートタイム労働者別実数表</t>
    <phoneticPr fontId="4"/>
  </si>
  <si>
    <t>(事業所規模　　３０人以上）</t>
    <phoneticPr fontId="4"/>
  </si>
  <si>
    <t>- 16 -</t>
    <phoneticPr fontId="4"/>
  </si>
  <si>
    <t>人以上</t>
    <phoneticPr fontId="4"/>
  </si>
  <si>
    <t>第６－１表　　　産業別名目賃金指数（現金給与総額）</t>
    <phoneticPr fontId="4"/>
  </si>
  <si>
    <t>［令和2年(2020)=100］</t>
    <phoneticPr fontId="4"/>
  </si>
  <si>
    <t>電気・ガス</t>
    <phoneticPr fontId="4"/>
  </si>
  <si>
    <t>運輸業,</t>
    <phoneticPr fontId="4"/>
  </si>
  <si>
    <t>卸売業,</t>
    <phoneticPr fontId="4"/>
  </si>
  <si>
    <t>金融業,</t>
    <phoneticPr fontId="4"/>
  </si>
  <si>
    <t>不動産業,</t>
    <phoneticPr fontId="4"/>
  </si>
  <si>
    <t>学術研究.専門</t>
    <phoneticPr fontId="4"/>
  </si>
  <si>
    <t>宿泊業,</t>
    <phoneticPr fontId="4"/>
  </si>
  <si>
    <t>生活関連サービス業</t>
    <phoneticPr fontId="4"/>
  </si>
  <si>
    <t>教育，</t>
    <phoneticPr fontId="4"/>
  </si>
  <si>
    <t>複合サー</t>
    <phoneticPr fontId="4"/>
  </si>
  <si>
    <t>熱供給・水道業</t>
    <phoneticPr fontId="4"/>
  </si>
  <si>
    <t>郵便業</t>
    <phoneticPr fontId="4"/>
  </si>
  <si>
    <t>小売業</t>
    <phoneticPr fontId="4"/>
  </si>
  <si>
    <t>保険業</t>
    <phoneticPr fontId="4"/>
  </si>
  <si>
    <t>物品賃貸業</t>
    <phoneticPr fontId="4"/>
  </si>
  <si>
    <t>・技術サービス業</t>
    <phoneticPr fontId="4"/>
  </si>
  <si>
    <t>飲食サービス業</t>
    <phoneticPr fontId="4"/>
  </si>
  <si>
    <t>,娯楽業</t>
    <phoneticPr fontId="4"/>
  </si>
  <si>
    <t>学習支援業</t>
    <phoneticPr fontId="4"/>
  </si>
  <si>
    <t>ビス事業</t>
    <phoneticPr fontId="4"/>
  </si>
  <si>
    <t xml:space="preserve">           前年同月比</t>
    <phoneticPr fontId="4"/>
  </si>
  <si>
    <t>事業所規模5人以上</t>
    <phoneticPr fontId="4"/>
  </si>
  <si>
    <t>令和</t>
    <phoneticPr fontId="4"/>
  </si>
  <si>
    <t>4年</t>
    <phoneticPr fontId="4"/>
  </si>
  <si>
    <t>5年</t>
    <phoneticPr fontId="4"/>
  </si>
  <si>
    <t>6年</t>
    <phoneticPr fontId="4"/>
  </si>
  <si>
    <t>7年</t>
    <phoneticPr fontId="4"/>
  </si>
  <si>
    <t>令和7年</t>
    <phoneticPr fontId="4"/>
  </si>
  <si>
    <t>1月</t>
    <phoneticPr fontId="4"/>
  </si>
  <si>
    <t>2月</t>
    <phoneticPr fontId="4"/>
  </si>
  <si>
    <t>3月</t>
    <phoneticPr fontId="4"/>
  </si>
  <si>
    <t>4月</t>
    <phoneticPr fontId="4"/>
  </si>
  <si>
    <t>5月</t>
    <phoneticPr fontId="4"/>
  </si>
  <si>
    <t>6月</t>
    <phoneticPr fontId="4"/>
  </si>
  <si>
    <t>7月</t>
    <phoneticPr fontId="4"/>
  </si>
  <si>
    <t>8月</t>
    <phoneticPr fontId="4"/>
  </si>
  <si>
    <t>9月</t>
    <phoneticPr fontId="4"/>
  </si>
  <si>
    <t>10月</t>
    <phoneticPr fontId="4"/>
  </si>
  <si>
    <t>11月</t>
    <phoneticPr fontId="4"/>
  </si>
  <si>
    <t>12月</t>
    <phoneticPr fontId="4"/>
  </si>
  <si>
    <t>令和8年</t>
    <phoneticPr fontId="4"/>
  </si>
  <si>
    <t>(注)前年同月比のうち、年次の場合は前年比です。</t>
    <phoneticPr fontId="4"/>
  </si>
  <si>
    <t>- 17 -</t>
    <phoneticPr fontId="4"/>
  </si>
  <si>
    <t>(注)前年同月比のうち、年次の場合は前年比です。実質賃金指数は、名目賃金指数を消費者物価指数（持家帰属家賃を除く総合指数）で除して百分率化したものです。</t>
    <phoneticPr fontId="4"/>
  </si>
  <si>
    <t>第６－２表　　　産業別実質賃金指数（現金給与総額）</t>
    <phoneticPr fontId="4"/>
  </si>
  <si>
    <t>- 18 -</t>
    <phoneticPr fontId="4"/>
  </si>
  <si>
    <t>第６－３表　　　産業別名目賃金指数（きまって支給する給与）</t>
    <phoneticPr fontId="4"/>
  </si>
  <si>
    <t>- 19 -</t>
    <phoneticPr fontId="4"/>
  </si>
  <si>
    <t>第６－４表　　　産業別実質賃金指数（きまって支給する給与）</t>
    <phoneticPr fontId="4"/>
  </si>
  <si>
    <t>- 20 -</t>
    <phoneticPr fontId="4"/>
  </si>
  <si>
    <t>第７－１表　　　産業別労働時間指数（総実労働時間）</t>
    <phoneticPr fontId="4"/>
  </si>
  <si>
    <t>- 21 -</t>
    <phoneticPr fontId="4"/>
  </si>
  <si>
    <t>第７－２表　　　産業別労働時間指数（所定内労働時間）</t>
    <phoneticPr fontId="4"/>
  </si>
  <si>
    <t>- 22 -</t>
    <phoneticPr fontId="4"/>
  </si>
  <si>
    <t>第７－３表　　　産業別労働時間指数（所定外労働時間）</t>
    <phoneticPr fontId="4"/>
  </si>
  <si>
    <t>- 23 -</t>
    <phoneticPr fontId="4"/>
  </si>
  <si>
    <t>第　８　表　　　　産　業　別　常　用　雇　用　指　数　</t>
    <phoneticPr fontId="4"/>
  </si>
  <si>
    <t>【参考資料】</t>
    <rPh sb="1" eb="3">
      <t>サンコウ</t>
    </rPh>
    <rPh sb="3" eb="5">
      <t>シリョウ</t>
    </rPh>
    <phoneticPr fontId="43"/>
  </si>
  <si>
    <t>毎月勤労統計における共通事業所による前年同月比の参考提供について</t>
    <rPh sb="0" eb="1">
      <t>マイツキ</t>
    </rPh>
    <rPh sb="1" eb="3">
      <t>キンロウ</t>
    </rPh>
    <rPh sb="3" eb="5">
      <t>トウケイ</t>
    </rPh>
    <rPh sb="9" eb="11">
      <t>キョウツウ</t>
    </rPh>
    <rPh sb="11" eb="14">
      <t>ジギョウショ</t>
    </rPh>
    <rPh sb="17" eb="19">
      <t>ゼンネン</t>
    </rPh>
    <rPh sb="19" eb="22">
      <t>ドウゲツヒ</t>
    </rPh>
    <rPh sb="23" eb="25">
      <t>サンコウ</t>
    </rPh>
    <rPh sb="25" eb="27">
      <t>テイキョウ</t>
    </rPh>
    <phoneticPr fontId="43"/>
  </si>
  <si>
    <t>（注１）共通事業所とは、「前年同月分」及び「当月分」ともに集計対象となった調査対象事業所のことである。</t>
    <rPh sb="1" eb="2">
      <t>チュウ</t>
    </rPh>
    <rPh sb="4" eb="6">
      <t>キョウツウ</t>
    </rPh>
    <rPh sb="6" eb="8">
      <t>ジギョウ</t>
    </rPh>
    <rPh sb="8" eb="9">
      <t>ショ</t>
    </rPh>
    <rPh sb="13" eb="15">
      <t>ゼンネン</t>
    </rPh>
    <rPh sb="15" eb="17">
      <t>ドウゲツ</t>
    </rPh>
    <rPh sb="17" eb="18">
      <t>ブン</t>
    </rPh>
    <rPh sb="19" eb="20">
      <t>オヨ</t>
    </rPh>
    <rPh sb="22" eb="25">
      <t>トウゲツブン</t>
    </rPh>
    <rPh sb="29" eb="31">
      <t>シュウケイ</t>
    </rPh>
    <rPh sb="31" eb="33">
      <t>タイショウ</t>
    </rPh>
    <rPh sb="37" eb="39">
      <t>チョウサ</t>
    </rPh>
    <rPh sb="39" eb="41">
      <t>タイショウ</t>
    </rPh>
    <rPh sb="41" eb="44">
      <t>ジギョウショ</t>
    </rPh>
    <phoneticPr fontId="4"/>
  </si>
  <si>
    <t>　　　平成30年から、毎年１月分調査時におよそ３分の１ずつ入れ替える部分入替え方式の導入に伴い、常に一部</t>
    <rPh sb="3" eb="5">
      <t>ヘイセイ</t>
    </rPh>
    <rPh sb="7" eb="8">
      <t>ネン</t>
    </rPh>
    <rPh sb="11" eb="13">
      <t>マイトシ</t>
    </rPh>
    <rPh sb="14" eb="16">
      <t>ガツブン</t>
    </rPh>
    <rPh sb="16" eb="18">
      <t>チョウサ</t>
    </rPh>
    <rPh sb="18" eb="19">
      <t>ジ</t>
    </rPh>
    <rPh sb="24" eb="25">
      <t>ブン</t>
    </rPh>
    <rPh sb="29" eb="30">
      <t>イ</t>
    </rPh>
    <rPh sb="31" eb="32">
      <t>カ</t>
    </rPh>
    <rPh sb="34" eb="36">
      <t>ブブン</t>
    </rPh>
    <rPh sb="36" eb="38">
      <t>イレカ</t>
    </rPh>
    <rPh sb="39" eb="41">
      <t>ホウシキ</t>
    </rPh>
    <rPh sb="42" eb="44">
      <t>ドウニュウ</t>
    </rPh>
    <rPh sb="45" eb="46">
      <t>トモナ</t>
    </rPh>
    <rPh sb="48" eb="49">
      <t>ツネ</t>
    </rPh>
    <rPh sb="50" eb="52">
      <t>イチブ</t>
    </rPh>
    <phoneticPr fontId="4"/>
  </si>
  <si>
    <t>　　　の調査事業所が前年も調査対象となっていることから共通事業所に限定した集計が可能となった。</t>
    <rPh sb="13" eb="15">
      <t>チョウサ</t>
    </rPh>
    <rPh sb="15" eb="17">
      <t>タイショウ</t>
    </rPh>
    <rPh sb="27" eb="29">
      <t>キョウツウ</t>
    </rPh>
    <rPh sb="28" eb="31">
      <t>ジギョウショ</t>
    </rPh>
    <rPh sb="32" eb="34">
      <t>ゲンテイ</t>
    </rPh>
    <rPh sb="36" eb="38">
      <t>シュウケイ</t>
    </rPh>
    <rPh sb="39" eb="41">
      <t>カノウ</t>
    </rPh>
    <phoneticPr fontId="4"/>
  </si>
  <si>
    <t>（注２）共通事業所集計では、同一事業所の平均賃金などの変化をみるためのものであり、労働者数の変化の影響</t>
    <rPh sb="1" eb="2">
      <t>チュウ</t>
    </rPh>
    <rPh sb="4" eb="6">
      <t>キョウツウ</t>
    </rPh>
    <rPh sb="6" eb="8">
      <t>ジギョウ</t>
    </rPh>
    <rPh sb="8" eb="9">
      <t>ショ</t>
    </rPh>
    <rPh sb="9" eb="11">
      <t>シュウケイ</t>
    </rPh>
    <rPh sb="14" eb="16">
      <t>ドウイツ</t>
    </rPh>
    <rPh sb="16" eb="18">
      <t>ジギョウ</t>
    </rPh>
    <rPh sb="18" eb="19">
      <t>ショ</t>
    </rPh>
    <rPh sb="20" eb="22">
      <t>ヘイキン</t>
    </rPh>
    <rPh sb="22" eb="24">
      <t>チンギン</t>
    </rPh>
    <rPh sb="27" eb="29">
      <t>ヘンカ</t>
    </rPh>
    <rPh sb="41" eb="44">
      <t>ロウドウシャ</t>
    </rPh>
    <rPh sb="44" eb="45">
      <t>スウ</t>
    </rPh>
    <rPh sb="46" eb="48">
      <t>ヘンカ</t>
    </rPh>
    <rPh sb="49" eb="51">
      <t>エイキョウ</t>
    </rPh>
    <phoneticPr fontId="4"/>
  </si>
  <si>
    <t>　　　を除くため、前年同月も当月の労働者数をもとに月々の平均賃金などを計算している。</t>
    <rPh sb="4" eb="5">
      <t>ノゾ</t>
    </rPh>
    <rPh sb="9" eb="11">
      <t>ゼンネン</t>
    </rPh>
    <rPh sb="11" eb="13">
      <t>ドウゲツ</t>
    </rPh>
    <rPh sb="14" eb="16">
      <t>トウゲツ</t>
    </rPh>
    <rPh sb="17" eb="20">
      <t>ロウドウシャ</t>
    </rPh>
    <rPh sb="20" eb="21">
      <t>スウ</t>
    </rPh>
    <rPh sb="25" eb="27">
      <t>ツキヅキ</t>
    </rPh>
    <rPh sb="28" eb="30">
      <t>ヘイキン</t>
    </rPh>
    <rPh sb="30" eb="32">
      <t>チンギン</t>
    </rPh>
    <rPh sb="35" eb="37">
      <t>ケイサン</t>
    </rPh>
    <phoneticPr fontId="4"/>
  </si>
  <si>
    <t>（注３）共通事業所のみを用いて集計を行っているため、本系列（全ての調査対象事業所のデータを用いて作成し</t>
    <rPh sb="1" eb="2">
      <t>チュウ</t>
    </rPh>
    <rPh sb="4" eb="6">
      <t>キョウツウ</t>
    </rPh>
    <rPh sb="6" eb="8">
      <t>ジギョウ</t>
    </rPh>
    <rPh sb="8" eb="9">
      <t>ショ</t>
    </rPh>
    <rPh sb="12" eb="13">
      <t>モチ</t>
    </rPh>
    <rPh sb="15" eb="17">
      <t>シュウケイ</t>
    </rPh>
    <rPh sb="18" eb="19">
      <t>オコナ</t>
    </rPh>
    <rPh sb="26" eb="27">
      <t>ホン</t>
    </rPh>
    <rPh sb="27" eb="29">
      <t>ケイレツ</t>
    </rPh>
    <rPh sb="30" eb="31">
      <t>スベ</t>
    </rPh>
    <rPh sb="33" eb="35">
      <t>チョウサ</t>
    </rPh>
    <rPh sb="35" eb="37">
      <t>タイショウ</t>
    </rPh>
    <rPh sb="37" eb="40">
      <t>ジギョウショ</t>
    </rPh>
    <rPh sb="45" eb="46">
      <t>モチ</t>
    </rPh>
    <rPh sb="48" eb="50">
      <t>サクセイ</t>
    </rPh>
    <phoneticPr fontId="4"/>
  </si>
  <si>
    <t>　　　た集計）に比べ、サンプルサイズが小さくなることに留意が必要である。</t>
    <rPh sb="3" eb="5">
      <t>シュウケイ</t>
    </rPh>
    <rPh sb="7" eb="8">
      <t>クラ</t>
    </rPh>
    <rPh sb="18" eb="19">
      <t>チイ</t>
    </rPh>
    <rPh sb="26" eb="28">
      <t>リュウイ</t>
    </rPh>
    <rPh sb="29" eb="31">
      <t>ヒツヨウ</t>
    </rPh>
    <phoneticPr fontId="4"/>
  </si>
  <si>
    <t>（調査産業計、事業所規模５人以上、就業形態計）</t>
    <rPh sb="1" eb="3">
      <t>チョウサ</t>
    </rPh>
    <rPh sb="3" eb="5">
      <t>サンギョウ</t>
    </rPh>
    <rPh sb="5" eb="6">
      <t>ケイ</t>
    </rPh>
    <rPh sb="7" eb="10">
      <t>ジギョウショ</t>
    </rPh>
    <rPh sb="9" eb="11">
      <t>キボ</t>
    </rPh>
    <rPh sb="12" eb="13">
      <t>ニン</t>
    </rPh>
    <rPh sb="13" eb="15">
      <t>イジョウ</t>
    </rPh>
    <rPh sb="17" eb="19">
      <t>シュウギョウ</t>
    </rPh>
    <rPh sb="19" eb="21">
      <t>ケイタイ</t>
    </rPh>
    <rPh sb="21" eb="22">
      <t>ケイ</t>
    </rPh>
    <phoneticPr fontId="48"/>
  </si>
  <si>
    <t>年　月</t>
    <rPh sb="0" eb="1">
      <t>ネン</t>
    </rPh>
    <rPh sb="2" eb="3">
      <t>ツキ</t>
    </rPh>
    <phoneticPr fontId="43"/>
  </si>
  <si>
    <t>賃金</t>
    <rPh sb="0" eb="2">
      <t>チンギン</t>
    </rPh>
    <phoneticPr fontId="48"/>
  </si>
  <si>
    <t>労働時間</t>
    <rPh sb="0" eb="2">
      <t>ロウドウ</t>
    </rPh>
    <rPh sb="2" eb="4">
      <t>ジカン</t>
    </rPh>
    <phoneticPr fontId="48"/>
  </si>
  <si>
    <t>現金給与総額</t>
  </si>
  <si>
    <t>きまって支給する給与</t>
    <phoneticPr fontId="48"/>
  </si>
  <si>
    <t>所定内給与</t>
    <rPh sb="0" eb="3">
      <t>ショテイナイ</t>
    </rPh>
    <rPh sb="3" eb="5">
      <t>キュウヨ</t>
    </rPh>
    <phoneticPr fontId="43"/>
  </si>
  <si>
    <t>総実労働時間</t>
    <phoneticPr fontId="48"/>
  </si>
  <si>
    <t>所定内
労働時間</t>
    <rPh sb="0" eb="3">
      <t>ショテイナイ</t>
    </rPh>
    <rPh sb="4" eb="6">
      <t>ロウドウ</t>
    </rPh>
    <rPh sb="6" eb="8">
      <t>ジカン</t>
    </rPh>
    <phoneticPr fontId="43"/>
  </si>
  <si>
    <t>所定外
労働時間</t>
    <phoneticPr fontId="48"/>
  </si>
  <si>
    <t>　　　　％</t>
    <phoneticPr fontId="48"/>
  </si>
  <si>
    <t>令和６年２月　</t>
    <rPh sb="0" eb="2">
      <t>レイワ</t>
    </rPh>
    <rPh sb="3" eb="4">
      <t>ネン</t>
    </rPh>
    <phoneticPr fontId="48"/>
  </si>
  <si>
    <t>３月　</t>
  </si>
  <si>
    <t>４月　</t>
  </si>
  <si>
    <t>５月　</t>
  </si>
  <si>
    <t>６月　</t>
  </si>
  <si>
    <t>７月　</t>
    <phoneticPr fontId="48"/>
  </si>
  <si>
    <t>８月　</t>
    <phoneticPr fontId="48"/>
  </si>
  <si>
    <t>９月　</t>
    <rPh sb="1" eb="2">
      <t>ガツ</t>
    </rPh>
    <phoneticPr fontId="48"/>
  </si>
  <si>
    <t>10月　</t>
    <rPh sb="2" eb="3">
      <t>ツキ</t>
    </rPh>
    <phoneticPr fontId="48"/>
  </si>
  <si>
    <t>11月　</t>
    <rPh sb="2" eb="3">
      <t>ツキ</t>
    </rPh>
    <phoneticPr fontId="48"/>
  </si>
  <si>
    <t>12月　</t>
    <rPh sb="2" eb="3">
      <t>ツキ</t>
    </rPh>
    <phoneticPr fontId="48"/>
  </si>
  <si>
    <t>令和７年１月　</t>
    <rPh sb="0" eb="2">
      <t>レイワ</t>
    </rPh>
    <rPh sb="3" eb="4">
      <t>ネン</t>
    </rPh>
    <rPh sb="5" eb="6">
      <t>ガツ</t>
    </rPh>
    <phoneticPr fontId="48"/>
  </si>
  <si>
    <t>２月　</t>
    <rPh sb="1" eb="2">
      <t>ガツ</t>
    </rPh>
    <phoneticPr fontId="48"/>
  </si>
  <si>
    <t>３月　</t>
    <rPh sb="1" eb="2">
      <t>ガツ</t>
    </rPh>
    <phoneticPr fontId="48"/>
  </si>
  <si>
    <t>４月　</t>
    <rPh sb="1" eb="2">
      <t>ガツ</t>
    </rPh>
    <phoneticPr fontId="48"/>
  </si>
  <si>
    <t>５月　</t>
    <rPh sb="1" eb="2">
      <t>ガツ</t>
    </rPh>
    <phoneticPr fontId="48"/>
  </si>
  <si>
    <t>６月　</t>
    <rPh sb="1" eb="2">
      <t>ガツ</t>
    </rPh>
    <phoneticPr fontId="48"/>
  </si>
  <si>
    <t>８月　</t>
  </si>
  <si>
    <t>９月　</t>
  </si>
  <si>
    <t>10月　</t>
    <phoneticPr fontId="48"/>
  </si>
  <si>
    <t>11月　</t>
    <phoneticPr fontId="48"/>
  </si>
  <si>
    <t>12月　</t>
    <phoneticPr fontId="48"/>
  </si>
  <si>
    <t>令和８年１月　</t>
    <phoneticPr fontId="4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2">
    <numFmt numFmtId="176" formatCode="#,##0_ "/>
    <numFmt numFmtId="177" formatCode="#,###______"/>
    <numFmt numFmtId="178" formatCode="0.0__"/>
    <numFmt numFmtId="179" formatCode="#,###____"/>
    <numFmt numFmtId="180" formatCode="#,###__"/>
    <numFmt numFmtId="181" formatCode="0.0_ "/>
    <numFmt numFmtId="182" formatCode="0.0%"/>
    <numFmt numFmtId="183" formatCode="0.0____________"/>
    <numFmt numFmtId="184" formatCode="0.0________"/>
    <numFmt numFmtId="185" formatCode="0.0______"/>
    <numFmt numFmtId="186" formatCode="0.0__________"/>
    <numFmt numFmtId="187" formatCode="0.00__________"/>
    <numFmt numFmtId="188" formatCode="0.00____"/>
    <numFmt numFmtId="189" formatCode="0.00_ "/>
    <numFmt numFmtId="190" formatCode="#,###______;#,###______;0______;&quot;×&quot;______"/>
    <numFmt numFmtId="191" formatCode="0.0____________;0.0____________;0____________;&quot;×&quot;____________"/>
    <numFmt numFmtId="192" formatCode="0.0________;0.0________;0________;&quot;×&quot;________"/>
    <numFmt numFmtId="193" formatCode="0.0____;0.0____;0.0____;&quot;×&quot;____"/>
    <numFmt numFmtId="194" formatCode="0.00____;0.00____;0.00____;&quot;×&quot;____"/>
    <numFmt numFmtId="195" formatCode="0.0"/>
    <numFmt numFmtId="196" formatCode="#,###"/>
    <numFmt numFmtId="197" formatCode="_-0.0;\-0.0"/>
  </numFmts>
  <fonts count="49" x14ac:knownFonts="1">
    <font>
      <sz val="12"/>
      <color theme="1"/>
      <name val="ＭＳ 明朝"/>
      <family val="2"/>
      <charset val="128"/>
    </font>
    <font>
      <sz val="11"/>
      <name val="ＭＳ Ｐゴシック"/>
      <family val="3"/>
      <charset val="128"/>
    </font>
    <font>
      <sz val="14"/>
      <color indexed="9"/>
      <name val="HGPｺﾞｼｯｸE"/>
      <family val="3"/>
      <charset val="128"/>
    </font>
    <font>
      <sz val="6"/>
      <name val="ＭＳ 明朝"/>
      <family val="2"/>
      <charset val="128"/>
    </font>
    <font>
      <sz val="6"/>
      <name val="ＭＳ Ｐゴシック"/>
      <family val="3"/>
      <charset val="128"/>
    </font>
    <font>
      <sz val="11"/>
      <name val="HGPｺﾞｼｯｸM"/>
      <family val="3"/>
      <charset val="128"/>
    </font>
    <font>
      <sz val="11"/>
      <name val="HGPｺﾞｼｯｸE"/>
      <family val="3"/>
      <charset val="128"/>
    </font>
    <font>
      <sz val="12"/>
      <name val="HGPｺﾞｼｯｸM"/>
      <family val="3"/>
      <charset val="128"/>
    </font>
    <font>
      <b/>
      <sz val="12"/>
      <name val="ＭＳ ゴシック"/>
      <family val="3"/>
      <charset val="128"/>
    </font>
    <font>
      <b/>
      <sz val="9"/>
      <name val="ＭＳ ゴシック"/>
      <family val="3"/>
      <charset val="128"/>
    </font>
    <font>
      <sz val="9"/>
      <name val="ＭＳ ゴシック"/>
      <family val="3"/>
      <charset val="128"/>
    </font>
    <font>
      <sz val="6"/>
      <name val="ＭＳ ゴシック"/>
      <family val="3"/>
      <charset val="128"/>
    </font>
    <font>
      <sz val="9"/>
      <name val="HGPｺﾞｼｯｸM"/>
      <family val="3"/>
      <charset val="128"/>
    </font>
    <font>
      <sz val="8"/>
      <name val="HGPｺﾞｼｯｸM"/>
      <family val="3"/>
      <charset val="128"/>
    </font>
    <font>
      <sz val="8"/>
      <name val="ＭＳ ゴシック"/>
      <family val="3"/>
      <charset val="128"/>
    </font>
    <font>
      <sz val="6"/>
      <name val="HGPｺﾞｼｯｸM"/>
      <family val="3"/>
      <charset val="128"/>
    </font>
    <font>
      <sz val="11"/>
      <name val="ＭＳ ゴシック"/>
      <family val="3"/>
      <charset val="128"/>
    </font>
    <font>
      <sz val="10"/>
      <name val="ＭＳ ゴシック"/>
      <family val="3"/>
      <charset val="128"/>
    </font>
    <font>
      <sz val="10"/>
      <name val="HGPｺﾞｼｯｸM"/>
      <family val="3"/>
      <charset val="128"/>
    </font>
    <font>
      <b/>
      <sz val="11"/>
      <name val="ＭＳ ゴシック"/>
      <family val="3"/>
      <charset val="128"/>
    </font>
    <font>
      <sz val="7.5"/>
      <name val="ＭＳ ゴシック"/>
      <family val="3"/>
      <charset val="128"/>
    </font>
    <font>
      <sz val="8"/>
      <name val="ＭＳ Ｐゴシック"/>
      <family val="3"/>
      <charset val="128"/>
    </font>
    <font>
      <b/>
      <sz val="8"/>
      <name val="ＭＳ ゴシック"/>
      <family val="3"/>
      <charset val="128"/>
    </font>
    <font>
      <sz val="4.5"/>
      <name val="ＭＳ ゴシック"/>
      <family val="3"/>
      <charset val="128"/>
    </font>
    <font>
      <sz val="11"/>
      <color theme="1"/>
      <name val="HGPｺﾞｼｯｸM"/>
      <family val="3"/>
      <charset val="128"/>
    </font>
    <font>
      <sz val="11"/>
      <color theme="1"/>
      <name val="HGPｺﾞｼｯｸE"/>
      <family val="3"/>
      <charset val="128"/>
    </font>
    <font>
      <sz val="8"/>
      <color theme="1"/>
      <name val="HGPｺﾞｼｯｸM"/>
      <family val="3"/>
      <charset val="128"/>
    </font>
    <font>
      <sz val="11"/>
      <color theme="1"/>
      <name val="ＭＳ Ｐゴシック"/>
      <family val="3"/>
      <charset val="128"/>
    </font>
    <font>
      <sz val="8"/>
      <color theme="1"/>
      <name val="ＭＳ Ｐゴシック"/>
      <family val="3"/>
      <charset val="128"/>
    </font>
    <font>
      <b/>
      <sz val="11"/>
      <color theme="1"/>
      <name val="ＭＳ ゴシック"/>
      <family val="3"/>
      <charset val="128"/>
    </font>
    <font>
      <b/>
      <sz val="8"/>
      <color theme="1"/>
      <name val="ＭＳ ゴシック"/>
      <family val="3"/>
      <charset val="128"/>
    </font>
    <font>
      <sz val="8"/>
      <color theme="1"/>
      <name val="ＭＳ ゴシック"/>
      <family val="3"/>
      <charset val="128"/>
    </font>
    <font>
      <sz val="11"/>
      <color theme="1"/>
      <name val="ＭＳ ゴシック"/>
      <family val="3"/>
      <charset val="128"/>
    </font>
    <font>
      <sz val="4.5"/>
      <color theme="1"/>
      <name val="ＭＳ ゴシック"/>
      <family val="3"/>
      <charset val="128"/>
    </font>
    <font>
      <sz val="6"/>
      <color theme="1"/>
      <name val="ＭＳ ゴシック"/>
      <family val="3"/>
      <charset val="128"/>
    </font>
    <font>
      <sz val="9"/>
      <color theme="1"/>
      <name val="ＭＳ ゴシック"/>
      <family val="3"/>
      <charset val="128"/>
    </font>
    <font>
      <sz val="9"/>
      <color theme="1"/>
      <name val="HGPｺﾞｼｯｸM"/>
      <family val="3"/>
      <charset val="128"/>
    </font>
    <font>
      <sz val="10"/>
      <color theme="1"/>
      <name val="ＭＳ Ｐゴシック"/>
      <family val="3"/>
      <charset val="128"/>
    </font>
    <font>
      <sz val="10"/>
      <color theme="1"/>
      <name val="HGPｺﾞｼｯｸM"/>
      <family val="3"/>
      <charset val="128"/>
    </font>
    <font>
      <sz val="5.5"/>
      <color theme="1"/>
      <name val="HGPｺﾞｼｯｸM"/>
      <family val="3"/>
      <charset val="128"/>
    </font>
    <font>
      <sz val="6"/>
      <color theme="1"/>
      <name val="HGPｺﾞｼｯｸM"/>
      <family val="3"/>
      <charset val="128"/>
    </font>
    <font>
      <sz val="11"/>
      <name val="ＭＳ 明朝"/>
      <family val="1"/>
      <charset val="128"/>
    </font>
    <font>
      <b/>
      <sz val="14"/>
      <name val="游ゴシック"/>
      <family val="3"/>
      <charset val="128"/>
      <scheme val="minor"/>
    </font>
    <font>
      <sz val="6"/>
      <name val="ＭＳ 明朝"/>
      <family val="1"/>
      <charset val="128"/>
    </font>
    <font>
      <sz val="11"/>
      <color theme="1"/>
      <name val="游ゴシック"/>
      <family val="2"/>
      <charset val="128"/>
      <scheme val="minor"/>
    </font>
    <font>
      <sz val="10"/>
      <color rgb="FF000000"/>
      <name val="ＭＳ ゴシック"/>
      <family val="3"/>
      <charset val="128"/>
    </font>
    <font>
      <sz val="16"/>
      <name val="ｺﾞｼｯｸ"/>
      <family val="3"/>
      <charset val="128"/>
    </font>
    <font>
      <sz val="10"/>
      <name val="ｺﾞｼｯｸ"/>
      <family val="3"/>
      <charset val="128"/>
    </font>
    <font>
      <sz val="6"/>
      <name val="游ゴシック"/>
      <family val="2"/>
      <charset val="128"/>
      <scheme val="minor"/>
    </font>
  </fonts>
  <fills count="7">
    <fill>
      <patternFill patternType="none"/>
    </fill>
    <fill>
      <patternFill patternType="gray125"/>
    </fill>
    <fill>
      <patternFill patternType="solid">
        <fgColor indexed="8"/>
        <bgColor indexed="64"/>
      </patternFill>
    </fill>
    <fill>
      <patternFill patternType="solid">
        <fgColor indexed="44"/>
        <bgColor indexed="64"/>
      </patternFill>
    </fill>
    <fill>
      <patternFill patternType="solid">
        <fgColor rgb="FF99CCFF"/>
        <bgColor rgb="FF99CCFF"/>
      </patternFill>
    </fill>
    <fill>
      <patternFill patternType="solid">
        <fgColor indexed="44"/>
        <bgColor rgb="FF99CCFF"/>
      </patternFill>
    </fill>
    <fill>
      <patternFill patternType="solid">
        <fgColor rgb="FF99CCFF"/>
        <bgColor indexed="64"/>
      </patternFill>
    </fill>
  </fills>
  <borders count="41">
    <border>
      <left/>
      <right/>
      <top/>
      <bottom/>
      <diagonal/>
    </border>
    <border>
      <left/>
      <right/>
      <top/>
      <bottom style="medium">
        <color indexed="64"/>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right style="thin">
        <color indexed="64"/>
      </right>
      <top/>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right/>
      <top style="thin">
        <color indexed="64"/>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style="hair">
        <color indexed="64"/>
      </top>
      <bottom/>
      <diagonal/>
    </border>
    <border>
      <left style="thin">
        <color indexed="64"/>
      </left>
      <right/>
      <top style="hair">
        <color indexed="64"/>
      </top>
      <bottom/>
      <diagonal/>
    </border>
    <border>
      <left/>
      <right style="thin">
        <color indexed="64"/>
      </right>
      <top/>
      <bottom style="medium">
        <color indexed="64"/>
      </bottom>
      <diagonal/>
    </border>
    <border>
      <left/>
      <right/>
      <top style="medium">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bottom style="hair">
        <color indexed="64"/>
      </bottom>
      <diagonal/>
    </border>
    <border>
      <left/>
      <right style="thin">
        <color indexed="64"/>
      </right>
      <top style="hair">
        <color indexed="64"/>
      </top>
      <bottom/>
      <diagonal/>
    </border>
    <border>
      <left style="thin">
        <color indexed="64"/>
      </left>
      <right/>
      <top style="medium">
        <color indexed="64"/>
      </top>
      <bottom style="thin">
        <color indexed="64"/>
      </bottom>
      <diagonal/>
    </border>
    <border>
      <left/>
      <right style="thin">
        <color indexed="64"/>
      </right>
      <top style="thin">
        <color indexed="64"/>
      </top>
      <bottom/>
      <diagonal/>
    </border>
    <border>
      <left style="thin">
        <color indexed="64"/>
      </left>
      <right/>
      <top/>
      <bottom style="medium">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top style="thin">
        <color indexed="64"/>
      </top>
      <bottom style="thin">
        <color indexed="64"/>
      </bottom>
      <diagonal/>
    </border>
    <border>
      <left/>
      <right style="double">
        <color indexed="64"/>
      </right>
      <top style="medium">
        <color indexed="64"/>
      </top>
      <bottom/>
      <diagonal/>
    </border>
    <border>
      <left/>
      <right style="double">
        <color indexed="64"/>
      </right>
      <top/>
      <bottom style="thin">
        <color indexed="64"/>
      </bottom>
      <diagonal/>
    </border>
    <border>
      <left/>
      <right style="double">
        <color indexed="64"/>
      </right>
      <top style="thin">
        <color indexed="64"/>
      </top>
      <bottom/>
      <diagonal/>
    </border>
    <border>
      <left/>
      <right style="double">
        <color indexed="64"/>
      </right>
      <top/>
      <bottom/>
      <diagonal/>
    </border>
    <border>
      <left/>
      <right style="double">
        <color indexed="64"/>
      </right>
      <top/>
      <bottom style="medium">
        <color indexed="64"/>
      </bottom>
      <diagonal/>
    </border>
    <border>
      <left style="double">
        <color indexed="64"/>
      </left>
      <right/>
      <top style="medium">
        <color indexed="64"/>
      </top>
      <bottom/>
      <diagonal/>
    </border>
    <border>
      <left style="thin">
        <color indexed="64"/>
      </left>
      <right/>
      <top/>
      <bottom style="dotted">
        <color indexed="64"/>
      </bottom>
      <diagonal/>
    </border>
    <border>
      <left/>
      <right style="thin">
        <color indexed="64"/>
      </right>
      <top/>
      <bottom style="dotted">
        <color indexed="64"/>
      </bottom>
      <diagonal/>
    </border>
    <border>
      <left style="thin">
        <color indexed="64"/>
      </left>
      <right/>
      <top style="dotted">
        <color indexed="64"/>
      </top>
      <bottom/>
      <diagonal/>
    </border>
    <border>
      <left/>
      <right style="thin">
        <color indexed="64"/>
      </right>
      <top style="dotted">
        <color indexed="64"/>
      </top>
      <bottom/>
      <diagonal/>
    </border>
    <border>
      <left style="thin">
        <color indexed="64"/>
      </left>
      <right style="thin">
        <color indexed="64"/>
      </right>
      <top style="dotted">
        <color indexed="64"/>
      </top>
      <bottom/>
      <diagonal/>
    </border>
    <border>
      <left style="thin">
        <color indexed="64"/>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style="thin">
        <color auto="1"/>
      </right>
      <top style="dotted">
        <color indexed="64"/>
      </top>
      <bottom style="thin">
        <color indexed="64"/>
      </bottom>
      <diagonal/>
    </border>
  </borders>
  <cellStyleXfs count="5">
    <xf numFmtId="0" fontId="0" fillId="0" borderId="0">
      <alignment vertical="center"/>
    </xf>
    <xf numFmtId="0" fontId="1" fillId="0" borderId="0"/>
    <xf numFmtId="0" fontId="1" fillId="0" borderId="0"/>
    <xf numFmtId="0" fontId="41" fillId="0" borderId="0"/>
    <xf numFmtId="0" fontId="44" fillId="0" borderId="0">
      <alignment vertical="center"/>
    </xf>
  </cellStyleXfs>
  <cellXfs count="676">
    <xf numFmtId="0" fontId="0" fillId="0" borderId="0" xfId="0">
      <alignment vertical="center"/>
    </xf>
    <xf numFmtId="0" fontId="5" fillId="0" borderId="0" xfId="1" applyFont="1" applyAlignment="1">
      <alignment vertical="center"/>
    </xf>
    <xf numFmtId="0" fontId="1" fillId="0" borderId="0" xfId="1" applyAlignment="1">
      <alignment vertical="center"/>
    </xf>
    <xf numFmtId="0" fontId="1" fillId="0" borderId="0" xfId="1"/>
    <xf numFmtId="0" fontId="7" fillId="0" borderId="0" xfId="1" applyFont="1" applyAlignment="1">
      <alignment horizontal="left" vertical="center"/>
    </xf>
    <xf numFmtId="0" fontId="7" fillId="0" borderId="0" xfId="1" applyFont="1" applyAlignment="1">
      <alignment horizontal="center" vertical="center"/>
    </xf>
    <xf numFmtId="0" fontId="8" fillId="0" borderId="1" xfId="1" applyFont="1" applyBorder="1" applyAlignment="1">
      <alignment horizontal="center" vertical="center"/>
    </xf>
    <xf numFmtId="0" fontId="8" fillId="0" borderId="0" xfId="1" applyFont="1" applyAlignment="1">
      <alignment horizontal="center" vertical="center"/>
    </xf>
    <xf numFmtId="0" fontId="9" fillId="0" borderId="2" xfId="1" applyFont="1" applyBorder="1" applyAlignment="1">
      <alignment horizontal="center" vertical="center"/>
    </xf>
    <xf numFmtId="0" fontId="9" fillId="0" borderId="3" xfId="1" applyFont="1" applyBorder="1" applyAlignment="1">
      <alignment horizontal="center" vertical="center"/>
    </xf>
    <xf numFmtId="0" fontId="10" fillId="0" borderId="2" xfId="1" applyFont="1" applyBorder="1" applyAlignment="1">
      <alignment horizontal="center" vertical="center" wrapText="1"/>
    </xf>
    <xf numFmtId="0" fontId="1" fillId="0" borderId="2" xfId="1" applyBorder="1"/>
    <xf numFmtId="0" fontId="9" fillId="0" borderId="0" xfId="1" applyFont="1" applyAlignment="1">
      <alignment horizontal="center" vertical="center"/>
    </xf>
    <xf numFmtId="0" fontId="9" fillId="0" borderId="5" xfId="1" applyFont="1" applyBorder="1" applyAlignment="1">
      <alignment horizontal="center" vertical="center"/>
    </xf>
    <xf numFmtId="0" fontId="1" fillId="0" borderId="9" xfId="1" applyBorder="1"/>
    <xf numFmtId="0" fontId="9" fillId="0" borderId="0" xfId="1" applyFont="1" applyAlignment="1">
      <alignment horizontal="center" vertical="center" wrapText="1" shrinkToFit="1"/>
    </xf>
    <xf numFmtId="0" fontId="9" fillId="0" borderId="10" xfId="1" applyFont="1" applyBorder="1" applyAlignment="1">
      <alignment horizontal="center" vertical="center"/>
    </xf>
    <xf numFmtId="0" fontId="9" fillId="0" borderId="11" xfId="1" applyFont="1" applyBorder="1" applyAlignment="1">
      <alignment horizontal="center" vertical="center"/>
    </xf>
    <xf numFmtId="0" fontId="9" fillId="0" borderId="12" xfId="1" applyFont="1" applyBorder="1" applyAlignment="1">
      <alignment horizontal="center" vertical="center"/>
    </xf>
    <xf numFmtId="0" fontId="9" fillId="0" borderId="12" xfId="1" applyFont="1" applyBorder="1" applyAlignment="1">
      <alignment horizontal="center" vertical="center" wrapText="1"/>
    </xf>
    <xf numFmtId="0" fontId="9" fillId="0" borderId="10" xfId="1" applyFont="1" applyBorder="1" applyAlignment="1">
      <alignment horizontal="center" vertical="center" wrapText="1"/>
    </xf>
    <xf numFmtId="0" fontId="11" fillId="0" borderId="10" xfId="1" applyFont="1" applyBorder="1" applyAlignment="1">
      <alignment horizontal="right" vertical="center"/>
    </xf>
    <xf numFmtId="0" fontId="11" fillId="0" borderId="12" xfId="1" applyFont="1" applyBorder="1" applyAlignment="1">
      <alignment horizontal="right" vertical="center"/>
    </xf>
    <xf numFmtId="0" fontId="9" fillId="0" borderId="10" xfId="1" applyFont="1" applyBorder="1" applyAlignment="1">
      <alignment horizontal="center" vertical="center" wrapText="1" shrinkToFit="1"/>
    </xf>
    <xf numFmtId="0" fontId="11" fillId="0" borderId="0" xfId="1" applyFont="1" applyAlignment="1">
      <alignment horizontal="right" vertical="center"/>
    </xf>
    <xf numFmtId="0" fontId="12" fillId="0" borderId="0" xfId="1" applyFont="1"/>
    <xf numFmtId="176" fontId="13" fillId="0" borderId="0" xfId="1" applyNumberFormat="1" applyFont="1"/>
    <xf numFmtId="9" fontId="13" fillId="0" borderId="0" xfId="1" applyNumberFormat="1" applyFont="1"/>
    <xf numFmtId="0" fontId="5" fillId="0" borderId="0" xfId="1" applyFont="1"/>
    <xf numFmtId="0" fontId="5" fillId="0" borderId="6" xfId="1" applyFont="1" applyBorder="1"/>
    <xf numFmtId="0" fontId="10" fillId="0" borderId="0" xfId="1" applyFont="1"/>
    <xf numFmtId="176" fontId="14" fillId="0" borderId="0" xfId="1" applyNumberFormat="1" applyFont="1"/>
    <xf numFmtId="176" fontId="15" fillId="0" borderId="0" xfId="1" applyNumberFormat="1" applyFont="1" applyAlignment="1">
      <alignment horizontal="right" vertical="center"/>
    </xf>
    <xf numFmtId="0" fontId="16" fillId="0" borderId="0" xfId="1" applyFont="1" applyAlignment="1">
      <alignment horizontal="right" vertical="center"/>
    </xf>
    <xf numFmtId="0" fontId="1" fillId="0" borderId="0" xfId="1" applyAlignment="1">
      <alignment horizontal="right" vertical="center"/>
    </xf>
    <xf numFmtId="9" fontId="15" fillId="0" borderId="0" xfId="1" applyNumberFormat="1" applyFont="1" applyAlignment="1">
      <alignment horizontal="right" vertical="center"/>
    </xf>
    <xf numFmtId="0" fontId="15" fillId="0" borderId="0" xfId="1" applyFont="1" applyAlignment="1">
      <alignment horizontal="right" vertical="center"/>
    </xf>
    <xf numFmtId="0" fontId="5" fillId="3" borderId="0" xfId="1" applyFont="1" applyFill="1"/>
    <xf numFmtId="0" fontId="17" fillId="3" borderId="0" xfId="1" applyFont="1" applyFill="1" applyAlignment="1">
      <alignment horizontal="distributed" vertical="center"/>
    </xf>
    <xf numFmtId="181" fontId="18" fillId="0" borderId="0" xfId="1" applyNumberFormat="1" applyFont="1" applyAlignment="1">
      <alignment vertical="center"/>
    </xf>
    <xf numFmtId="0" fontId="17" fillId="0" borderId="0" xfId="1" applyFont="1" applyAlignment="1">
      <alignment horizontal="distributed" vertical="center"/>
    </xf>
    <xf numFmtId="0" fontId="10" fillId="0" borderId="0" xfId="1" applyFont="1" applyAlignment="1">
      <alignment horizontal="distributed" vertical="center"/>
    </xf>
    <xf numFmtId="177" fontId="5" fillId="0" borderId="6" xfId="1" applyNumberFormat="1" applyFont="1" applyBorder="1"/>
    <xf numFmtId="177" fontId="5" fillId="0" borderId="0" xfId="1" applyNumberFormat="1" applyFont="1"/>
    <xf numFmtId="178" fontId="5" fillId="0" borderId="0" xfId="1" applyNumberFormat="1" applyFont="1"/>
    <xf numFmtId="179" fontId="5" fillId="0" borderId="0" xfId="1" applyNumberFormat="1" applyFont="1"/>
    <xf numFmtId="180" fontId="5" fillId="0" borderId="0" xfId="1" applyNumberFormat="1" applyFont="1"/>
    <xf numFmtId="177" fontId="18" fillId="0" borderId="0" xfId="1" applyNumberFormat="1" applyFont="1" applyAlignment="1">
      <alignment vertical="center"/>
    </xf>
    <xf numFmtId="176" fontId="18" fillId="0" borderId="0" xfId="1" applyNumberFormat="1" applyFont="1" applyAlignment="1">
      <alignment vertical="center"/>
    </xf>
    <xf numFmtId="177" fontId="12" fillId="0" borderId="0" xfId="1" applyNumberFormat="1" applyFont="1" applyAlignment="1">
      <alignment vertical="center"/>
    </xf>
    <xf numFmtId="176" fontId="12" fillId="0" borderId="0" xfId="1" applyNumberFormat="1" applyFont="1" applyAlignment="1">
      <alignment vertical="center"/>
    </xf>
    <xf numFmtId="0" fontId="17" fillId="0" borderId="13" xfId="1" applyFont="1" applyBorder="1" applyAlignment="1">
      <alignment horizontal="distributed" vertical="center"/>
    </xf>
    <xf numFmtId="0" fontId="10" fillId="0" borderId="13" xfId="1" applyFont="1" applyBorder="1" applyAlignment="1">
      <alignment horizontal="distributed" vertical="center"/>
    </xf>
    <xf numFmtId="176" fontId="14" fillId="0" borderId="13" xfId="1" applyNumberFormat="1" applyFont="1" applyBorder="1"/>
    <xf numFmtId="9" fontId="13" fillId="0" borderId="13" xfId="1" applyNumberFormat="1" applyFont="1" applyBorder="1"/>
    <xf numFmtId="0" fontId="5" fillId="0" borderId="13" xfId="1" applyFont="1" applyBorder="1"/>
    <xf numFmtId="177" fontId="5" fillId="0" borderId="14" xfId="1" applyNumberFormat="1" applyFont="1" applyBorder="1"/>
    <xf numFmtId="177" fontId="5" fillId="0" borderId="13" xfId="1" applyNumberFormat="1" applyFont="1" applyBorder="1"/>
    <xf numFmtId="178" fontId="5" fillId="0" borderId="13" xfId="1" applyNumberFormat="1" applyFont="1" applyBorder="1"/>
    <xf numFmtId="179" fontId="5" fillId="0" borderId="13" xfId="1" applyNumberFormat="1" applyFont="1" applyBorder="1"/>
    <xf numFmtId="180" fontId="5" fillId="0" borderId="13" xfId="1" applyNumberFormat="1" applyFont="1" applyBorder="1"/>
    <xf numFmtId="177" fontId="18" fillId="0" borderId="13" xfId="1" applyNumberFormat="1" applyFont="1" applyBorder="1" applyAlignment="1">
      <alignment vertical="center"/>
    </xf>
    <xf numFmtId="177" fontId="18" fillId="0" borderId="13" xfId="1" applyNumberFormat="1" applyFont="1" applyBorder="1" applyAlignment="1">
      <alignment horizontal="right" vertical="center"/>
    </xf>
    <xf numFmtId="177" fontId="18" fillId="0" borderId="0" xfId="1" applyNumberFormat="1" applyFont="1" applyAlignment="1">
      <alignment horizontal="right" vertical="center"/>
    </xf>
    <xf numFmtId="0" fontId="12" fillId="0" borderId="1" xfId="1" applyFont="1" applyBorder="1" applyAlignment="1">
      <alignment horizontal="center"/>
    </xf>
    <xf numFmtId="0" fontId="10" fillId="0" borderId="1" xfId="1" applyFont="1" applyBorder="1" applyAlignment="1">
      <alignment horizontal="center"/>
    </xf>
    <xf numFmtId="176" fontId="14" fillId="0" borderId="1" xfId="1" applyNumberFormat="1" applyFont="1" applyBorder="1"/>
    <xf numFmtId="9" fontId="13" fillId="0" borderId="1" xfId="1" applyNumberFormat="1" applyFont="1" applyBorder="1"/>
    <xf numFmtId="0" fontId="5" fillId="0" borderId="1" xfId="1" applyFont="1" applyBorder="1"/>
    <xf numFmtId="0" fontId="5" fillId="0" borderId="15" xfId="1" applyFont="1" applyBorder="1"/>
    <xf numFmtId="0" fontId="1" fillId="0" borderId="1" xfId="1" applyBorder="1"/>
    <xf numFmtId="0" fontId="16" fillId="0" borderId="1" xfId="1" applyFont="1" applyBorder="1"/>
    <xf numFmtId="176" fontId="12" fillId="0" borderId="1" xfId="1" applyNumberFormat="1" applyFont="1" applyBorder="1"/>
    <xf numFmtId="9" fontId="12" fillId="0" borderId="1" xfId="1" applyNumberFormat="1" applyFont="1" applyBorder="1"/>
    <xf numFmtId="0" fontId="12" fillId="0" borderId="1" xfId="1" applyFont="1" applyBorder="1"/>
    <xf numFmtId="182" fontId="12" fillId="0" borderId="1" xfId="1" applyNumberFormat="1" applyFont="1" applyBorder="1"/>
    <xf numFmtId="0" fontId="12" fillId="0" borderId="0" xfId="1" applyFont="1" applyAlignment="1">
      <alignment horizontal="center"/>
    </xf>
    <xf numFmtId="0" fontId="10" fillId="0" borderId="0" xfId="1" applyFont="1" applyAlignment="1">
      <alignment horizontal="center"/>
    </xf>
    <xf numFmtId="0" fontId="16" fillId="0" borderId="0" xfId="1" applyFont="1"/>
    <xf numFmtId="176" fontId="9" fillId="0" borderId="0" xfId="1" applyNumberFormat="1" applyFont="1" applyAlignment="1">
      <alignment horizontal="center" vertical="center"/>
    </xf>
    <xf numFmtId="0" fontId="9" fillId="0" borderId="0" xfId="1" applyFont="1"/>
    <xf numFmtId="0" fontId="1" fillId="0" borderId="16" xfId="1" applyBorder="1"/>
    <xf numFmtId="0" fontId="10" fillId="0" borderId="2" xfId="1" applyFont="1" applyBorder="1" applyAlignment="1">
      <alignment horizontal="center" vertical="center"/>
    </xf>
    <xf numFmtId="0" fontId="1" fillId="0" borderId="10" xfId="1" applyBorder="1"/>
    <xf numFmtId="0" fontId="1" fillId="0" borderId="12" xfId="1" applyBorder="1"/>
    <xf numFmtId="0" fontId="5" fillId="0" borderId="5" xfId="1" applyFont="1" applyBorder="1"/>
    <xf numFmtId="0" fontId="9" fillId="0" borderId="0" xfId="1" applyFont="1" applyAlignment="1">
      <alignment horizontal="center" vertical="center" wrapText="1"/>
    </xf>
    <xf numFmtId="0" fontId="4" fillId="0" borderId="0" xfId="1" applyFont="1" applyAlignment="1">
      <alignment horizontal="right" vertical="center"/>
    </xf>
    <xf numFmtId="0" fontId="4" fillId="0" borderId="0" xfId="1" applyFont="1"/>
    <xf numFmtId="0" fontId="17" fillId="3" borderId="5" xfId="1" applyFont="1" applyFill="1" applyBorder="1" applyAlignment="1">
      <alignment horizontal="distributed" vertical="center"/>
    </xf>
    <xf numFmtId="183" fontId="5" fillId="0" borderId="0" xfId="1" applyNumberFormat="1" applyFont="1"/>
    <xf numFmtId="184" fontId="5" fillId="0" borderId="0" xfId="1" applyNumberFormat="1" applyFont="1"/>
    <xf numFmtId="185" fontId="5" fillId="0" borderId="0" xfId="1" applyNumberFormat="1" applyFont="1"/>
    <xf numFmtId="186" fontId="5" fillId="0" borderId="0" xfId="1" applyNumberFormat="1" applyFont="1"/>
    <xf numFmtId="0" fontId="17" fillId="0" borderId="5" xfId="1" applyFont="1" applyBorder="1" applyAlignment="1">
      <alignment horizontal="distributed" vertical="center"/>
    </xf>
    <xf numFmtId="183" fontId="5" fillId="0" borderId="19" xfId="1" applyNumberFormat="1" applyFont="1" applyBorder="1"/>
    <xf numFmtId="0" fontId="5" fillId="0" borderId="19" xfId="1" applyFont="1" applyBorder="1"/>
    <xf numFmtId="184" fontId="5" fillId="0" borderId="19" xfId="1" applyNumberFormat="1" applyFont="1" applyBorder="1"/>
    <xf numFmtId="185" fontId="5" fillId="0" borderId="19" xfId="1" applyNumberFormat="1" applyFont="1" applyBorder="1"/>
    <xf numFmtId="186" fontId="5" fillId="0" borderId="19" xfId="1" applyNumberFormat="1" applyFont="1" applyBorder="1"/>
    <xf numFmtId="0" fontId="5" fillId="0" borderId="20" xfId="1" applyFont="1" applyBorder="1"/>
    <xf numFmtId="186" fontId="5" fillId="0" borderId="1" xfId="1" applyNumberFormat="1" applyFont="1" applyBorder="1"/>
    <xf numFmtId="186" fontId="1" fillId="0" borderId="1" xfId="1" applyNumberFormat="1" applyBorder="1"/>
    <xf numFmtId="184" fontId="5" fillId="0" borderId="1" xfId="1" applyNumberFormat="1" applyFont="1" applyBorder="1"/>
    <xf numFmtId="184" fontId="1" fillId="0" borderId="1" xfId="1" applyNumberFormat="1" applyBorder="1"/>
    <xf numFmtId="0" fontId="19" fillId="0" borderId="0" xfId="1" applyFont="1" applyAlignment="1">
      <alignment horizontal="center" vertical="center"/>
    </xf>
    <xf numFmtId="176" fontId="12" fillId="0" borderId="0" xfId="1" applyNumberFormat="1" applyFont="1"/>
    <xf numFmtId="176" fontId="15" fillId="0" borderId="0" xfId="1" applyNumberFormat="1" applyFont="1" applyAlignment="1">
      <alignment horizontal="right"/>
    </xf>
    <xf numFmtId="0" fontId="9" fillId="0" borderId="6" xfId="1" applyFont="1" applyBorder="1" applyAlignment="1">
      <alignment horizontal="center" vertical="center"/>
    </xf>
    <xf numFmtId="0" fontId="15" fillId="0" borderId="6" xfId="1" applyFont="1" applyBorder="1" applyAlignment="1">
      <alignment horizontal="right" vertical="center"/>
    </xf>
    <xf numFmtId="187" fontId="5" fillId="0" borderId="0" xfId="1" applyNumberFormat="1" applyFont="1"/>
    <xf numFmtId="188" fontId="5" fillId="0" borderId="0" xfId="1" applyNumberFormat="1" applyFont="1"/>
    <xf numFmtId="187" fontId="5" fillId="0" borderId="13" xfId="1" applyNumberFormat="1" applyFont="1" applyBorder="1"/>
    <xf numFmtId="188" fontId="5" fillId="0" borderId="13" xfId="1" applyNumberFormat="1" applyFont="1" applyBorder="1"/>
    <xf numFmtId="0" fontId="5" fillId="0" borderId="23" xfId="1" applyFont="1" applyBorder="1"/>
    <xf numFmtId="181" fontId="13" fillId="0" borderId="0" xfId="1" applyNumberFormat="1" applyFont="1"/>
    <xf numFmtId="189" fontId="13" fillId="0" borderId="0" xfId="1" applyNumberFormat="1" applyFont="1"/>
    <xf numFmtId="181" fontId="12" fillId="0" borderId="0" xfId="1" applyNumberFormat="1" applyFont="1"/>
    <xf numFmtId="182" fontId="12" fillId="0" borderId="0" xfId="1" applyNumberFormat="1" applyFont="1"/>
    <xf numFmtId="0" fontId="1" fillId="0" borderId="0" xfId="1" applyAlignment="1">
      <alignment horizontal="left" vertical="center"/>
    </xf>
    <xf numFmtId="176" fontId="10" fillId="0" borderId="4" xfId="1" applyNumberFormat="1" applyFont="1" applyBorder="1"/>
    <xf numFmtId="0" fontId="10" fillId="0" borderId="3" xfId="1" applyFont="1" applyBorder="1"/>
    <xf numFmtId="0" fontId="10" fillId="0" borderId="2" xfId="1" applyFont="1" applyBorder="1"/>
    <xf numFmtId="0" fontId="10" fillId="0" borderId="4" xfId="1" applyFont="1" applyBorder="1"/>
    <xf numFmtId="176" fontId="10" fillId="0" borderId="12" xfId="1" applyNumberFormat="1" applyFont="1" applyBorder="1"/>
    <xf numFmtId="0" fontId="10" fillId="0" borderId="11" xfId="1" applyFont="1" applyBorder="1"/>
    <xf numFmtId="0" fontId="10" fillId="0" borderId="10" xfId="1" applyFont="1" applyBorder="1"/>
    <xf numFmtId="0" fontId="10" fillId="0" borderId="12" xfId="1" applyFont="1" applyBorder="1"/>
    <xf numFmtId="0" fontId="14" fillId="0" borderId="9" xfId="1" applyFont="1" applyBorder="1"/>
    <xf numFmtId="0" fontId="14" fillId="0" borderId="24" xfId="1" applyFont="1" applyBorder="1"/>
    <xf numFmtId="0" fontId="14" fillId="0" borderId="10" xfId="1" applyFont="1" applyBorder="1" applyAlignment="1">
      <alignment horizontal="center" vertical="center"/>
    </xf>
    <xf numFmtId="0" fontId="14" fillId="0" borderId="11" xfId="1" applyFont="1" applyBorder="1"/>
    <xf numFmtId="0" fontId="14" fillId="3" borderId="0" xfId="1" applyFont="1" applyFill="1" applyAlignment="1">
      <alignment horizontal="center" vertical="center"/>
    </xf>
    <xf numFmtId="0" fontId="14" fillId="3" borderId="5" xfId="1" applyFont="1" applyFill="1" applyBorder="1" applyAlignment="1">
      <alignment horizontal="distributed" vertical="center"/>
    </xf>
    <xf numFmtId="190" fontId="13" fillId="3" borderId="7" xfId="1" applyNumberFormat="1" applyFont="1" applyFill="1" applyBorder="1" applyAlignment="1">
      <alignment vertical="center"/>
    </xf>
    <xf numFmtId="190" fontId="13" fillId="3" borderId="8" xfId="1" applyNumberFormat="1" applyFont="1" applyFill="1" applyBorder="1" applyAlignment="1">
      <alignment vertical="center"/>
    </xf>
    <xf numFmtId="190" fontId="13" fillId="3" borderId="22" xfId="1" applyNumberFormat="1" applyFont="1" applyFill="1" applyBorder="1" applyAlignment="1">
      <alignment vertical="center"/>
    </xf>
    <xf numFmtId="0" fontId="14" fillId="0" borderId="0" xfId="1" applyFont="1" applyAlignment="1">
      <alignment horizontal="center" vertical="center"/>
    </xf>
    <xf numFmtId="0" fontId="14" fillId="0" borderId="5" xfId="1" applyFont="1" applyBorder="1" applyAlignment="1">
      <alignment horizontal="center" vertical="center"/>
    </xf>
    <xf numFmtId="190" fontId="13" fillId="0" borderId="6" xfId="1" applyNumberFormat="1" applyFont="1" applyBorder="1" applyAlignment="1">
      <alignment vertical="center"/>
    </xf>
    <xf numFmtId="190" fontId="13" fillId="0" borderId="0" xfId="1" applyNumberFormat="1" applyFont="1" applyAlignment="1">
      <alignment vertical="center"/>
    </xf>
    <xf numFmtId="190" fontId="13" fillId="0" borderId="5" xfId="1" applyNumberFormat="1" applyFont="1" applyBorder="1" applyAlignment="1">
      <alignment vertical="center"/>
    </xf>
    <xf numFmtId="0" fontId="14" fillId="0" borderId="5" xfId="1" applyFont="1" applyBorder="1" applyAlignment="1">
      <alignment horizontal="distributed" vertical="center"/>
    </xf>
    <xf numFmtId="190" fontId="13" fillId="3" borderId="6" xfId="1" applyNumberFormat="1" applyFont="1" applyFill="1" applyBorder="1" applyAlignment="1">
      <alignment vertical="center"/>
    </xf>
    <xf numFmtId="190" fontId="13" fillId="3" borderId="0" xfId="1" applyNumberFormat="1" applyFont="1" applyFill="1" applyAlignment="1">
      <alignment vertical="center"/>
    </xf>
    <xf numFmtId="190" fontId="13" fillId="3" borderId="5" xfId="1" applyNumberFormat="1" applyFont="1" applyFill="1" applyBorder="1" applyAlignment="1">
      <alignment vertical="center"/>
    </xf>
    <xf numFmtId="190" fontId="13" fillId="3" borderId="6" xfId="1" applyNumberFormat="1" applyFont="1" applyFill="1" applyBorder="1" applyAlignment="1">
      <alignment horizontal="right" vertical="center"/>
    </xf>
    <xf numFmtId="190" fontId="13" fillId="3" borderId="0" xfId="1" applyNumberFormat="1" applyFont="1" applyFill="1" applyAlignment="1">
      <alignment horizontal="right" vertical="center"/>
    </xf>
    <xf numFmtId="190" fontId="13" fillId="3" borderId="5" xfId="1" applyNumberFormat="1" applyFont="1" applyFill="1" applyBorder="1" applyAlignment="1">
      <alignment horizontal="right" vertical="center"/>
    </xf>
    <xf numFmtId="190" fontId="13" fillId="0" borderId="6" xfId="1" applyNumberFormat="1" applyFont="1" applyBorder="1" applyAlignment="1">
      <alignment horizontal="right" vertical="center"/>
    </xf>
    <xf numFmtId="190" fontId="13" fillId="0" borderId="0" xfId="1" applyNumberFormat="1" applyFont="1" applyAlignment="1">
      <alignment horizontal="right" vertical="center"/>
    </xf>
    <xf numFmtId="190" fontId="13" fillId="0" borderId="5" xfId="1" applyNumberFormat="1" applyFont="1" applyBorder="1" applyAlignment="1">
      <alignment horizontal="right" vertical="center"/>
    </xf>
    <xf numFmtId="0" fontId="14" fillId="3" borderId="1" xfId="1" applyFont="1" applyFill="1" applyBorder="1" applyAlignment="1">
      <alignment horizontal="center" vertical="center"/>
    </xf>
    <xf numFmtId="0" fontId="14" fillId="3" borderId="15" xfId="1" applyFont="1" applyFill="1" applyBorder="1" applyAlignment="1">
      <alignment horizontal="distributed" vertical="center"/>
    </xf>
    <xf numFmtId="190" fontId="13" fillId="3" borderId="23" xfId="1" applyNumberFormat="1" applyFont="1" applyFill="1" applyBorder="1" applyAlignment="1">
      <alignment vertical="center"/>
    </xf>
    <xf numFmtId="190" fontId="13" fillId="3" borderId="1" xfId="1" applyNumberFormat="1" applyFont="1" applyFill="1" applyBorder="1" applyAlignment="1">
      <alignment vertical="center"/>
    </xf>
    <xf numFmtId="190" fontId="13" fillId="3" borderId="15" xfId="1" applyNumberFormat="1" applyFont="1" applyFill="1" applyBorder="1" applyAlignment="1">
      <alignment vertical="center"/>
    </xf>
    <xf numFmtId="49" fontId="5" fillId="0" borderId="0" xfId="1" applyNumberFormat="1" applyFont="1" applyAlignment="1">
      <alignment vertical="center" textRotation="180"/>
    </xf>
    <xf numFmtId="0" fontId="13" fillId="0" borderId="0" xfId="1" applyFont="1" applyAlignment="1">
      <alignment horizontal="center"/>
    </xf>
    <xf numFmtId="0" fontId="13" fillId="0" borderId="0" xfId="1" applyFont="1"/>
    <xf numFmtId="0" fontId="13" fillId="0" borderId="0" xfId="1" applyFont="1" applyAlignment="1">
      <alignment vertical="top" textRotation="90"/>
    </xf>
    <xf numFmtId="0" fontId="5" fillId="0" borderId="0" xfId="1" applyFont="1" applyAlignment="1">
      <alignment horizontal="center"/>
    </xf>
    <xf numFmtId="0" fontId="5" fillId="0" borderId="0" xfId="1" applyFont="1" applyAlignment="1">
      <alignment vertical="top" textRotation="90"/>
    </xf>
    <xf numFmtId="190" fontId="13" fillId="3" borderId="7" xfId="1" applyNumberFormat="1" applyFont="1" applyFill="1" applyBorder="1" applyAlignment="1">
      <alignment horizontal="right" vertical="center"/>
    </xf>
    <xf numFmtId="190" fontId="13" fillId="3" borderId="8" xfId="1" applyNumberFormat="1" applyFont="1" applyFill="1" applyBorder="1" applyAlignment="1">
      <alignment horizontal="right" vertical="center"/>
    </xf>
    <xf numFmtId="190" fontId="13" fillId="3" borderId="22" xfId="1" applyNumberFormat="1" applyFont="1" applyFill="1" applyBorder="1" applyAlignment="1">
      <alignment horizontal="right" vertical="center"/>
    </xf>
    <xf numFmtId="190" fontId="13" fillId="3" borderId="23" xfId="1" applyNumberFormat="1" applyFont="1" applyFill="1" applyBorder="1" applyAlignment="1">
      <alignment horizontal="right" vertical="center"/>
    </xf>
    <xf numFmtId="190" fontId="13" fillId="3" borderId="1" xfId="1" applyNumberFormat="1" applyFont="1" applyFill="1" applyBorder="1" applyAlignment="1">
      <alignment horizontal="right" vertical="center"/>
    </xf>
    <xf numFmtId="190" fontId="13" fillId="3" borderId="15" xfId="1" applyNumberFormat="1" applyFont="1" applyFill="1" applyBorder="1" applyAlignment="1">
      <alignment horizontal="right" vertical="center"/>
    </xf>
    <xf numFmtId="176" fontId="14" fillId="0" borderId="4" xfId="1" applyNumberFormat="1" applyFont="1" applyBorder="1" applyAlignment="1">
      <alignment vertical="center"/>
    </xf>
    <xf numFmtId="0" fontId="16" fillId="0" borderId="3" xfId="1" applyFont="1" applyBorder="1" applyAlignment="1">
      <alignment vertical="center"/>
    </xf>
    <xf numFmtId="0" fontId="16" fillId="0" borderId="4" xfId="1" applyFont="1" applyBorder="1" applyAlignment="1">
      <alignment vertical="center"/>
    </xf>
    <xf numFmtId="0" fontId="16" fillId="0" borderId="2" xfId="1" applyFont="1" applyBorder="1" applyAlignment="1">
      <alignment vertical="center"/>
    </xf>
    <xf numFmtId="176" fontId="14" fillId="0" borderId="12" xfId="1" applyNumberFormat="1" applyFont="1" applyBorder="1" applyAlignment="1">
      <alignment vertical="center"/>
    </xf>
    <xf numFmtId="0" fontId="16" fillId="0" borderId="11" xfId="1" applyFont="1" applyBorder="1" applyAlignment="1">
      <alignment vertical="center"/>
    </xf>
    <xf numFmtId="0" fontId="16" fillId="0" borderId="12" xfId="1" applyFont="1" applyBorder="1" applyAlignment="1">
      <alignment vertical="center"/>
    </xf>
    <xf numFmtId="0" fontId="16" fillId="0" borderId="5" xfId="1" applyFont="1" applyBorder="1" applyAlignment="1">
      <alignment vertical="center"/>
    </xf>
    <xf numFmtId="0" fontId="16" fillId="0" borderId="0" xfId="1" applyFont="1" applyAlignment="1">
      <alignment vertical="center"/>
    </xf>
    <xf numFmtId="0" fontId="16" fillId="0" borderId="22" xfId="1" applyFont="1" applyBorder="1" applyAlignment="1">
      <alignment vertical="center"/>
    </xf>
    <xf numFmtId="0" fontId="16" fillId="0" borderId="10" xfId="1" applyFont="1" applyBorder="1" applyAlignment="1">
      <alignment vertical="center"/>
    </xf>
    <xf numFmtId="0" fontId="14" fillId="0" borderId="25" xfId="1" applyFont="1" applyBorder="1" applyAlignment="1">
      <alignment horizontal="center" vertical="center"/>
    </xf>
    <xf numFmtId="0" fontId="14" fillId="0" borderId="17" xfId="1" applyFont="1" applyBorder="1" applyAlignment="1">
      <alignment horizontal="center" vertical="center"/>
    </xf>
    <xf numFmtId="0" fontId="14" fillId="0" borderId="6" xfId="1" applyFont="1" applyBorder="1" applyAlignment="1">
      <alignment horizontal="center" vertical="center"/>
    </xf>
    <xf numFmtId="191" fontId="13" fillId="3" borderId="7" xfId="1" applyNumberFormat="1" applyFont="1" applyFill="1" applyBorder="1" applyAlignment="1">
      <alignment vertical="center"/>
    </xf>
    <xf numFmtId="192" fontId="13" fillId="3" borderId="8" xfId="1" applyNumberFormat="1" applyFont="1" applyFill="1" applyBorder="1" applyAlignment="1">
      <alignment vertical="center"/>
    </xf>
    <xf numFmtId="191" fontId="13" fillId="3" borderId="22" xfId="1" applyNumberFormat="1" applyFont="1" applyFill="1" applyBorder="1" applyAlignment="1">
      <alignment vertical="center"/>
    </xf>
    <xf numFmtId="191" fontId="13" fillId="0" borderId="6" xfId="1" applyNumberFormat="1" applyFont="1" applyBorder="1" applyAlignment="1">
      <alignment vertical="center"/>
    </xf>
    <xf numFmtId="192" fontId="13" fillId="0" borderId="0" xfId="1" applyNumberFormat="1" applyFont="1" applyAlignment="1">
      <alignment vertical="center"/>
    </xf>
    <xf numFmtId="191" fontId="13" fillId="0" borderId="5" xfId="1" applyNumberFormat="1" applyFont="1" applyBorder="1" applyAlignment="1">
      <alignment vertical="center"/>
    </xf>
    <xf numFmtId="191" fontId="13" fillId="3" borderId="6" xfId="1" applyNumberFormat="1" applyFont="1" applyFill="1" applyBorder="1" applyAlignment="1">
      <alignment vertical="center"/>
    </xf>
    <xf numFmtId="192" fontId="13" fillId="3" borderId="0" xfId="1" applyNumberFormat="1" applyFont="1" applyFill="1" applyAlignment="1">
      <alignment vertical="center"/>
    </xf>
    <xf numFmtId="191" fontId="13" fillId="3" borderId="5" xfId="1" applyNumberFormat="1" applyFont="1" applyFill="1" applyBorder="1" applyAlignment="1">
      <alignment vertical="center"/>
    </xf>
    <xf numFmtId="191" fontId="13" fillId="3" borderId="6" xfId="1" applyNumberFormat="1" applyFont="1" applyFill="1" applyBorder="1" applyAlignment="1">
      <alignment horizontal="right" vertical="center"/>
    </xf>
    <xf numFmtId="192" fontId="13" fillId="3" borderId="0" xfId="1" applyNumberFormat="1" applyFont="1" applyFill="1" applyAlignment="1">
      <alignment horizontal="right" vertical="center"/>
    </xf>
    <xf numFmtId="191" fontId="13" fillId="3" borderId="5" xfId="1" applyNumberFormat="1" applyFont="1" applyFill="1" applyBorder="1" applyAlignment="1">
      <alignment horizontal="right" vertical="center"/>
    </xf>
    <xf numFmtId="191" fontId="13" fillId="0" borderId="6" xfId="1" applyNumberFormat="1" applyFont="1" applyBorder="1" applyAlignment="1">
      <alignment horizontal="right" vertical="center"/>
    </xf>
    <xf numFmtId="192" fontId="13" fillId="0" borderId="0" xfId="1" applyNumberFormat="1" applyFont="1" applyAlignment="1">
      <alignment horizontal="right" vertical="center"/>
    </xf>
    <xf numFmtId="191" fontId="13" fillId="0" borderId="5" xfId="1" applyNumberFormat="1" applyFont="1" applyBorder="1" applyAlignment="1">
      <alignment horizontal="right" vertical="center"/>
    </xf>
    <xf numFmtId="191" fontId="13" fillId="3" borderId="23" xfId="1" applyNumberFormat="1" applyFont="1" applyFill="1" applyBorder="1" applyAlignment="1">
      <alignment vertical="center"/>
    </xf>
    <xf numFmtId="192" fontId="13" fillId="3" borderId="1" xfId="1" applyNumberFormat="1" applyFont="1" applyFill="1" applyBorder="1" applyAlignment="1">
      <alignment vertical="center"/>
    </xf>
    <xf numFmtId="191" fontId="13" fillId="3" borderId="15" xfId="1" applyNumberFormat="1" applyFont="1" applyFill="1" applyBorder="1" applyAlignment="1">
      <alignment vertical="center"/>
    </xf>
    <xf numFmtId="0" fontId="1" fillId="0" borderId="0" xfId="1" applyAlignment="1">
      <alignment horizontal="center"/>
    </xf>
    <xf numFmtId="176" fontId="21" fillId="0" borderId="0" xfId="1" applyNumberFormat="1" applyFont="1"/>
    <xf numFmtId="191" fontId="13" fillId="3" borderId="7" xfId="1" applyNumberFormat="1" applyFont="1" applyFill="1" applyBorder="1" applyAlignment="1">
      <alignment horizontal="right" vertical="center"/>
    </xf>
    <xf numFmtId="192" fontId="13" fillId="3" borderId="8" xfId="1" applyNumberFormat="1" applyFont="1" applyFill="1" applyBorder="1" applyAlignment="1">
      <alignment horizontal="right" vertical="center"/>
    </xf>
    <xf numFmtId="191" fontId="13" fillId="3" borderId="22" xfId="1" applyNumberFormat="1" applyFont="1" applyFill="1" applyBorder="1" applyAlignment="1">
      <alignment horizontal="right" vertical="center"/>
    </xf>
    <xf numFmtId="0" fontId="1" fillId="0" borderId="0" xfId="1" applyAlignment="1">
      <alignment horizontal="center" vertical="center"/>
    </xf>
    <xf numFmtId="176" fontId="21" fillId="0" borderId="0" xfId="1" applyNumberFormat="1" applyFont="1" applyAlignment="1">
      <alignment horizontal="right"/>
    </xf>
    <xf numFmtId="191" fontId="13" fillId="3" borderId="23" xfId="1" applyNumberFormat="1" applyFont="1" applyFill="1" applyBorder="1" applyAlignment="1">
      <alignment horizontal="right" vertical="center"/>
    </xf>
    <xf numFmtId="192" fontId="13" fillId="3" borderId="1" xfId="1" applyNumberFormat="1" applyFont="1" applyFill="1" applyBorder="1" applyAlignment="1">
      <alignment horizontal="right" vertical="center"/>
    </xf>
    <xf numFmtId="191" fontId="13" fillId="3" borderId="15" xfId="1" applyNumberFormat="1" applyFont="1" applyFill="1" applyBorder="1" applyAlignment="1">
      <alignment horizontal="right" vertical="center"/>
    </xf>
    <xf numFmtId="0" fontId="14" fillId="0" borderId="9" xfId="1" applyFont="1" applyBorder="1" applyAlignment="1">
      <alignment horizontal="center"/>
    </xf>
    <xf numFmtId="0" fontId="14" fillId="0" borderId="24" xfId="1" applyFont="1" applyBorder="1" applyAlignment="1">
      <alignment horizontal="center"/>
    </xf>
    <xf numFmtId="0" fontId="14" fillId="0" borderId="9" xfId="1" applyFont="1" applyBorder="1" applyAlignment="1">
      <alignment horizontal="center" vertical="center"/>
    </xf>
    <xf numFmtId="0" fontId="14" fillId="0" borderId="24" xfId="1" applyFont="1" applyBorder="1" applyAlignment="1">
      <alignment horizontal="center" vertical="center"/>
    </xf>
    <xf numFmtId="193" fontId="13" fillId="3" borderId="8" xfId="1" applyNumberFormat="1" applyFont="1" applyFill="1" applyBorder="1" applyAlignment="1">
      <alignment vertical="center"/>
    </xf>
    <xf numFmtId="194" fontId="13" fillId="3" borderId="8" xfId="1" applyNumberFormat="1" applyFont="1" applyFill="1" applyBorder="1" applyAlignment="1">
      <alignment vertical="center"/>
    </xf>
    <xf numFmtId="194" fontId="13" fillId="3" borderId="22" xfId="1" applyNumberFormat="1" applyFont="1" applyFill="1" applyBorder="1" applyAlignment="1">
      <alignment vertical="center"/>
    </xf>
    <xf numFmtId="193" fontId="13" fillId="0" borderId="0" xfId="1" applyNumberFormat="1" applyFont="1" applyAlignment="1">
      <alignment vertical="center"/>
    </xf>
    <xf numFmtId="194" fontId="13" fillId="0" borderId="0" xfId="1" applyNumberFormat="1" applyFont="1" applyAlignment="1">
      <alignment vertical="center"/>
    </xf>
    <xf numFmtId="194" fontId="13" fillId="0" borderId="5" xfId="1" applyNumberFormat="1" applyFont="1" applyBorder="1" applyAlignment="1">
      <alignment vertical="center"/>
    </xf>
    <xf numFmtId="193" fontId="13" fillId="3" borderId="0" xfId="1" applyNumberFormat="1" applyFont="1" applyFill="1" applyAlignment="1">
      <alignment vertical="center"/>
    </xf>
    <xf numFmtId="194" fontId="13" fillId="3" borderId="0" xfId="1" applyNumberFormat="1" applyFont="1" applyFill="1" applyAlignment="1">
      <alignment vertical="center"/>
    </xf>
    <xf numFmtId="194" fontId="13" fillId="3" borderId="5" xfId="1" applyNumberFormat="1" applyFont="1" applyFill="1" applyBorder="1" applyAlignment="1">
      <alignment vertical="center"/>
    </xf>
    <xf numFmtId="193" fontId="13" fillId="3" borderId="0" xfId="1" applyNumberFormat="1" applyFont="1" applyFill="1" applyAlignment="1">
      <alignment horizontal="right" vertical="center"/>
    </xf>
    <xf numFmtId="194" fontId="13" fillId="3" borderId="0" xfId="1" applyNumberFormat="1" applyFont="1" applyFill="1" applyAlignment="1">
      <alignment horizontal="right" vertical="center"/>
    </xf>
    <xf numFmtId="194" fontId="13" fillId="3" borderId="5" xfId="1" applyNumberFormat="1" applyFont="1" applyFill="1" applyBorder="1" applyAlignment="1">
      <alignment horizontal="right" vertical="center"/>
    </xf>
    <xf numFmtId="193" fontId="13" fillId="0" borderId="0" xfId="1" applyNumberFormat="1" applyFont="1" applyAlignment="1">
      <alignment horizontal="right" vertical="center"/>
    </xf>
    <xf numFmtId="194" fontId="13" fillId="0" borderId="0" xfId="1" applyNumberFormat="1" applyFont="1" applyAlignment="1">
      <alignment horizontal="right" vertical="center"/>
    </xf>
    <xf numFmtId="194" fontId="13" fillId="0" borderId="5" xfId="1" applyNumberFormat="1" applyFont="1" applyBorder="1" applyAlignment="1">
      <alignment horizontal="right" vertical="center"/>
    </xf>
    <xf numFmtId="194" fontId="13" fillId="0" borderId="0" xfId="1" applyNumberFormat="1" applyFont="1" applyAlignment="1">
      <alignment vertical="center" shrinkToFit="1"/>
    </xf>
    <xf numFmtId="193" fontId="13" fillId="3" borderId="1" xfId="1" applyNumberFormat="1" applyFont="1" applyFill="1" applyBorder="1" applyAlignment="1">
      <alignment vertical="center"/>
    </xf>
    <xf numFmtId="194" fontId="13" fillId="3" borderId="1" xfId="1" applyNumberFormat="1" applyFont="1" applyFill="1" applyBorder="1" applyAlignment="1">
      <alignment vertical="center"/>
    </xf>
    <xf numFmtId="194" fontId="13" fillId="3" borderId="15" xfId="1" applyNumberFormat="1" applyFont="1" applyFill="1" applyBorder="1" applyAlignment="1">
      <alignment vertical="center"/>
    </xf>
    <xf numFmtId="3" fontId="5" fillId="0" borderId="0" xfId="1" applyNumberFormat="1" applyFont="1" applyAlignment="1">
      <alignment horizontal="center" vertical="center"/>
    </xf>
    <xf numFmtId="195" fontId="5" fillId="0" borderId="0" xfId="1" applyNumberFormat="1" applyFont="1" applyAlignment="1">
      <alignment horizontal="center" vertical="center"/>
    </xf>
    <xf numFmtId="4" fontId="12" fillId="0" borderId="0" xfId="1" applyNumberFormat="1" applyFont="1"/>
    <xf numFmtId="3" fontId="5" fillId="0" borderId="0" xfId="1" applyNumberFormat="1" applyFont="1" applyAlignment="1">
      <alignment horizontal="right" vertical="center"/>
    </xf>
    <xf numFmtId="195" fontId="5" fillId="0" borderId="0" xfId="1" applyNumberFormat="1" applyFont="1" applyAlignment="1">
      <alignment horizontal="right" vertical="center"/>
    </xf>
    <xf numFmtId="193" fontId="13" fillId="3" borderId="8" xfId="1" applyNumberFormat="1" applyFont="1" applyFill="1" applyBorder="1" applyAlignment="1">
      <alignment horizontal="right" vertical="center"/>
    </xf>
    <xf numFmtId="194" fontId="13" fillId="3" borderId="8" xfId="1" applyNumberFormat="1" applyFont="1" applyFill="1" applyBorder="1" applyAlignment="1">
      <alignment horizontal="right" vertical="center"/>
    </xf>
    <xf numFmtId="194" fontId="13" fillId="3" borderId="22" xfId="1" applyNumberFormat="1" applyFont="1" applyFill="1" applyBorder="1" applyAlignment="1">
      <alignment horizontal="right" vertical="center"/>
    </xf>
    <xf numFmtId="193" fontId="13" fillId="3" borderId="1" xfId="1" applyNumberFormat="1" applyFont="1" applyFill="1" applyBorder="1" applyAlignment="1">
      <alignment horizontal="right" vertical="center"/>
    </xf>
    <xf numFmtId="194" fontId="13" fillId="3" borderId="1" xfId="1" applyNumberFormat="1" applyFont="1" applyFill="1" applyBorder="1" applyAlignment="1">
      <alignment horizontal="right" vertical="center"/>
    </xf>
    <xf numFmtId="194" fontId="13" fillId="3" borderId="15" xfId="1" applyNumberFormat="1" applyFont="1" applyFill="1" applyBorder="1" applyAlignment="1">
      <alignment horizontal="right" vertical="center"/>
    </xf>
    <xf numFmtId="0" fontId="5" fillId="0" borderId="0" xfId="1" applyFont="1" applyAlignment="1">
      <alignment horizontal="center" vertical="center"/>
    </xf>
    <xf numFmtId="0" fontId="5" fillId="0" borderId="0" xfId="1" applyFont="1" applyAlignment="1">
      <alignment horizontal="distributed" vertical="distributed"/>
    </xf>
    <xf numFmtId="0" fontId="14" fillId="0" borderId="4" xfId="1" applyFont="1" applyBorder="1" applyAlignment="1">
      <alignment horizontal="center" vertical="center"/>
    </xf>
    <xf numFmtId="0" fontId="14" fillId="0" borderId="27" xfId="1" applyFont="1" applyBorder="1" applyAlignment="1">
      <alignment horizontal="center" vertical="center"/>
    </xf>
    <xf numFmtId="0" fontId="14" fillId="0" borderId="2" xfId="1" applyFont="1" applyBorder="1" applyAlignment="1">
      <alignment horizontal="center" vertical="center"/>
    </xf>
    <xf numFmtId="0" fontId="10" fillId="0" borderId="3" xfId="1" applyFont="1" applyBorder="1" applyAlignment="1">
      <alignment horizontal="center" vertical="center"/>
    </xf>
    <xf numFmtId="0" fontId="14" fillId="0" borderId="12" xfId="1" applyFont="1" applyBorder="1" applyAlignment="1">
      <alignment horizontal="center" vertical="center"/>
    </xf>
    <xf numFmtId="0" fontId="14" fillId="0" borderId="28" xfId="1" applyFont="1" applyBorder="1" applyAlignment="1">
      <alignment horizontal="center" vertical="center"/>
    </xf>
    <xf numFmtId="0" fontId="14" fillId="0" borderId="11" xfId="1" applyFont="1" applyBorder="1" applyAlignment="1">
      <alignment horizontal="center" vertical="center"/>
    </xf>
    <xf numFmtId="0" fontId="11" fillId="0" borderId="5" xfId="1" applyFont="1" applyBorder="1" applyAlignment="1">
      <alignment horizontal="left" wrapText="1"/>
    </xf>
    <xf numFmtId="0" fontId="11" fillId="0" borderId="30" xfId="1" applyFont="1" applyBorder="1" applyAlignment="1">
      <alignment horizontal="left" wrapText="1"/>
    </xf>
    <xf numFmtId="0" fontId="11" fillId="0" borderId="0" xfId="1" applyFont="1" applyAlignment="1">
      <alignment horizontal="left" wrapText="1"/>
    </xf>
    <xf numFmtId="0" fontId="14" fillId="0" borderId="12" xfId="1" applyFont="1" applyBorder="1" applyAlignment="1">
      <alignment horizontal="right"/>
    </xf>
    <xf numFmtId="0" fontId="11" fillId="0" borderId="11" xfId="1" applyFont="1" applyBorder="1" applyAlignment="1">
      <alignment horizontal="right" vertical="center"/>
    </xf>
    <xf numFmtId="0" fontId="11" fillId="0" borderId="10" xfId="1" applyFont="1" applyBorder="1" applyAlignment="1">
      <alignment horizontal="right"/>
    </xf>
    <xf numFmtId="0" fontId="11" fillId="0" borderId="28" xfId="1" applyFont="1" applyBorder="1" applyAlignment="1">
      <alignment horizontal="right" vertical="center"/>
    </xf>
    <xf numFmtId="0" fontId="11" fillId="0" borderId="12" xfId="1" applyFont="1" applyBorder="1" applyAlignment="1">
      <alignment horizontal="right"/>
    </xf>
    <xf numFmtId="0" fontId="1" fillId="0" borderId="0" xfId="1" applyAlignment="1">
      <alignment horizontal="right"/>
    </xf>
    <xf numFmtId="0" fontId="12" fillId="0" borderId="0" xfId="1" applyFont="1" applyAlignment="1">
      <alignment horizontal="center" vertical="center"/>
    </xf>
    <xf numFmtId="0" fontId="13" fillId="0" borderId="0" xfId="1" applyFont="1" applyAlignment="1">
      <alignment horizontal="center" vertical="center"/>
    </xf>
    <xf numFmtId="0" fontId="13" fillId="0" borderId="30" xfId="1" applyFont="1" applyBorder="1" applyAlignment="1">
      <alignment horizontal="center" vertical="center"/>
    </xf>
    <xf numFmtId="0" fontId="13" fillId="0" borderId="5" xfId="1" applyFont="1" applyBorder="1" applyAlignment="1">
      <alignment horizontal="center" vertical="center"/>
    </xf>
    <xf numFmtId="0" fontId="13" fillId="0" borderId="6" xfId="1" applyFont="1" applyBorder="1"/>
    <xf numFmtId="0" fontId="14" fillId="3" borderId="0" xfId="1" applyFont="1" applyFill="1" applyAlignment="1">
      <alignment horizontal="distributed" vertical="distributed"/>
    </xf>
    <xf numFmtId="0" fontId="11" fillId="3" borderId="0" xfId="1" applyFont="1" applyFill="1" applyAlignment="1">
      <alignment horizontal="center" vertical="center"/>
    </xf>
    <xf numFmtId="196" fontId="12" fillId="3" borderId="6" xfId="1" applyNumberFormat="1" applyFont="1" applyFill="1" applyBorder="1" applyAlignment="1">
      <alignment vertical="center"/>
    </xf>
    <xf numFmtId="195" fontId="12" fillId="3" borderId="0" xfId="1" applyNumberFormat="1" applyFont="1" applyFill="1" applyAlignment="1">
      <alignment horizontal="right" vertical="center"/>
    </xf>
    <xf numFmtId="196" fontId="12" fillId="3" borderId="0" xfId="1" applyNumberFormat="1" applyFont="1" applyFill="1" applyAlignment="1">
      <alignment vertical="center"/>
    </xf>
    <xf numFmtId="195" fontId="12" fillId="3" borderId="30" xfId="1" applyNumberFormat="1" applyFont="1" applyFill="1" applyBorder="1" applyAlignment="1">
      <alignment horizontal="right" vertical="center"/>
    </xf>
    <xf numFmtId="195" fontId="12" fillId="3" borderId="5" xfId="1" applyNumberFormat="1" applyFont="1" applyFill="1" applyBorder="1" applyAlignment="1">
      <alignment horizontal="right" vertical="center"/>
    </xf>
    <xf numFmtId="0" fontId="14" fillId="0" borderId="0" xfId="1" applyFont="1" applyAlignment="1">
      <alignment horizontal="distributed" vertical="distributed"/>
    </xf>
    <xf numFmtId="0" fontId="11" fillId="0" borderId="0" xfId="1" applyFont="1" applyAlignment="1">
      <alignment horizontal="center" vertical="center"/>
    </xf>
    <xf numFmtId="196" fontId="12" fillId="0" borderId="6" xfId="1" applyNumberFormat="1" applyFont="1" applyBorder="1" applyAlignment="1">
      <alignment vertical="center"/>
    </xf>
    <xf numFmtId="195" fontId="12" fillId="0" borderId="0" xfId="1" applyNumberFormat="1" applyFont="1" applyAlignment="1">
      <alignment horizontal="right" vertical="center"/>
    </xf>
    <xf numFmtId="196" fontId="12" fillId="0" borderId="0" xfId="1" applyNumberFormat="1" applyFont="1" applyAlignment="1">
      <alignment vertical="center"/>
    </xf>
    <xf numFmtId="195" fontId="12" fillId="0" borderId="30" xfId="1" applyNumberFormat="1" applyFont="1" applyBorder="1" applyAlignment="1">
      <alignment horizontal="right" vertical="center"/>
    </xf>
    <xf numFmtId="195" fontId="12" fillId="0" borderId="5" xfId="1" applyNumberFormat="1" applyFont="1" applyBorder="1" applyAlignment="1">
      <alignment horizontal="right" vertical="center"/>
    </xf>
    <xf numFmtId="0" fontId="11" fillId="0" borderId="0" xfId="1" applyFont="1" applyAlignment="1">
      <alignment horizontal="center"/>
    </xf>
    <xf numFmtId="0" fontId="12" fillId="0" borderId="6" xfId="1" applyFont="1" applyBorder="1" applyAlignment="1">
      <alignment vertical="center"/>
    </xf>
    <xf numFmtId="0" fontId="12" fillId="0" borderId="0" xfId="1" applyFont="1" applyAlignment="1">
      <alignment vertical="center"/>
    </xf>
    <xf numFmtId="195" fontId="12" fillId="0" borderId="6" xfId="1" applyNumberFormat="1" applyFont="1" applyBorder="1" applyAlignment="1">
      <alignment vertical="center"/>
    </xf>
    <xf numFmtId="195" fontId="12" fillId="0" borderId="0" xfId="1" applyNumberFormat="1" applyFont="1" applyAlignment="1">
      <alignment vertical="center"/>
    </xf>
    <xf numFmtId="195" fontId="12" fillId="3" borderId="6" xfId="1" applyNumberFormat="1" applyFont="1" applyFill="1" applyBorder="1" applyAlignment="1">
      <alignment vertical="center"/>
    </xf>
    <xf numFmtId="195" fontId="12" fillId="3" borderId="0" xfId="1" applyNumberFormat="1" applyFont="1" applyFill="1" applyAlignment="1">
      <alignment vertical="center"/>
    </xf>
    <xf numFmtId="196" fontId="12" fillId="0" borderId="6" xfId="1" applyNumberFormat="1" applyFont="1" applyBorder="1" applyAlignment="1">
      <alignment horizontal="right" vertical="center" shrinkToFit="1"/>
    </xf>
    <xf numFmtId="195" fontId="12" fillId="0" borderId="0" xfId="1" applyNumberFormat="1" applyFont="1" applyAlignment="1">
      <alignment horizontal="right" vertical="center" shrinkToFit="1"/>
    </xf>
    <xf numFmtId="196" fontId="12" fillId="0" borderId="0" xfId="1" applyNumberFormat="1" applyFont="1" applyAlignment="1">
      <alignment horizontal="right" vertical="center" shrinkToFit="1"/>
    </xf>
    <xf numFmtId="195" fontId="12" fillId="0" borderId="30" xfId="1" applyNumberFormat="1" applyFont="1" applyBorder="1" applyAlignment="1">
      <alignment horizontal="right" vertical="center" shrinkToFit="1"/>
    </xf>
    <xf numFmtId="195" fontId="12" fillId="0" borderId="5" xfId="1" applyNumberFormat="1" applyFont="1" applyBorder="1" applyAlignment="1">
      <alignment horizontal="right" vertical="center" shrinkToFit="1"/>
    </xf>
    <xf numFmtId="196" fontId="12" fillId="0" borderId="6" xfId="1" applyNumberFormat="1" applyFont="1" applyBorder="1" applyAlignment="1">
      <alignment vertical="center" shrinkToFit="1"/>
    </xf>
    <xf numFmtId="196" fontId="12" fillId="0" borderId="0" xfId="1" applyNumberFormat="1" applyFont="1" applyAlignment="1">
      <alignment vertical="center" shrinkToFit="1"/>
    </xf>
    <xf numFmtId="2" fontId="12" fillId="3" borderId="6" xfId="2" applyNumberFormat="1" applyFont="1" applyFill="1" applyBorder="1" applyAlignment="1">
      <alignment horizontal="right" vertical="center"/>
    </xf>
    <xf numFmtId="2" fontId="12" fillId="3" borderId="0" xfId="2" applyNumberFormat="1" applyFont="1" applyFill="1" applyAlignment="1">
      <alignment horizontal="right" vertical="center"/>
    </xf>
    <xf numFmtId="2" fontId="12" fillId="3" borderId="30" xfId="2" applyNumberFormat="1" applyFont="1" applyFill="1" applyBorder="1" applyAlignment="1">
      <alignment horizontal="right" vertical="center"/>
    </xf>
    <xf numFmtId="2" fontId="12" fillId="3" borderId="5" xfId="2" applyNumberFormat="1" applyFont="1" applyFill="1" applyBorder="1" applyAlignment="1">
      <alignment horizontal="right" vertical="center"/>
    </xf>
    <xf numFmtId="2" fontId="12" fillId="3" borderId="6" xfId="2" applyNumberFormat="1" applyFont="1" applyFill="1" applyBorder="1" applyAlignment="1">
      <alignment vertical="center"/>
    </xf>
    <xf numFmtId="2" fontId="12" fillId="3" borderId="0" xfId="2" applyNumberFormat="1" applyFont="1" applyFill="1" applyAlignment="1">
      <alignment vertical="center"/>
    </xf>
    <xf numFmtId="2" fontId="12" fillId="3" borderId="5" xfId="2" applyNumberFormat="1" applyFont="1" applyFill="1" applyBorder="1" applyAlignment="1">
      <alignment vertical="center"/>
    </xf>
    <xf numFmtId="2" fontId="12" fillId="0" borderId="6" xfId="2" applyNumberFormat="1" applyFont="1" applyBorder="1" applyAlignment="1">
      <alignment horizontal="right" vertical="center"/>
    </xf>
    <xf numFmtId="2" fontId="12" fillId="0" borderId="0" xfId="2" applyNumberFormat="1" applyFont="1" applyAlignment="1">
      <alignment horizontal="right" vertical="center"/>
    </xf>
    <xf numFmtId="2" fontId="12" fillId="0" borderId="30" xfId="2" applyNumberFormat="1" applyFont="1" applyBorder="1" applyAlignment="1">
      <alignment horizontal="right" vertical="center"/>
    </xf>
    <xf numFmtId="2" fontId="12" fillId="0" borderId="5" xfId="2" applyNumberFormat="1" applyFont="1" applyBorder="1" applyAlignment="1">
      <alignment horizontal="right" vertical="center"/>
    </xf>
    <xf numFmtId="2" fontId="12" fillId="0" borderId="6" xfId="2" applyNumberFormat="1" applyFont="1" applyBorder="1" applyAlignment="1">
      <alignment vertical="center"/>
    </xf>
    <xf numFmtId="2" fontId="12" fillId="0" borderId="0" xfId="2" applyNumberFormat="1" applyFont="1" applyAlignment="1">
      <alignment vertical="center"/>
    </xf>
    <xf numFmtId="2" fontId="12" fillId="0" borderId="5" xfId="2" applyNumberFormat="1" applyFont="1" applyBorder="1" applyAlignment="1">
      <alignment vertical="center"/>
    </xf>
    <xf numFmtId="0" fontId="14" fillId="0" borderId="1" xfId="1" applyFont="1" applyBorder="1" applyAlignment="1">
      <alignment horizontal="distributed" vertical="distributed"/>
    </xf>
    <xf numFmtId="0" fontId="14" fillId="0" borderId="1" xfId="1" applyFont="1" applyBorder="1" applyAlignment="1">
      <alignment horizontal="center"/>
    </xf>
    <xf numFmtId="0" fontId="5" fillId="0" borderId="31" xfId="1" applyFont="1" applyBorder="1"/>
    <xf numFmtId="49" fontId="1" fillId="0" borderId="0" xfId="1" applyNumberFormat="1" applyAlignment="1">
      <alignment vertical="center" textRotation="180"/>
    </xf>
    <xf numFmtId="0" fontId="13" fillId="0" borderId="0" xfId="1" applyFont="1" applyAlignment="1">
      <alignment horizontal="distributed" vertical="distributed"/>
    </xf>
    <xf numFmtId="2" fontId="12" fillId="3" borderId="6" xfId="1" applyNumberFormat="1" applyFont="1" applyFill="1" applyBorder="1" applyAlignment="1">
      <alignment vertical="center"/>
    </xf>
    <xf numFmtId="2" fontId="12" fillId="3" borderId="0" xfId="1" applyNumberFormat="1" applyFont="1" applyFill="1" applyAlignment="1">
      <alignment vertical="center"/>
    </xf>
    <xf numFmtId="2" fontId="12" fillId="3" borderId="30" xfId="2" applyNumberFormat="1" applyFont="1" applyFill="1" applyBorder="1" applyAlignment="1">
      <alignment vertical="center"/>
    </xf>
    <xf numFmtId="2" fontId="12" fillId="0" borderId="6" xfId="1" applyNumberFormat="1" applyFont="1" applyBorder="1" applyAlignment="1">
      <alignment vertical="center"/>
    </xf>
    <xf numFmtId="2" fontId="12" fillId="0" borderId="0" xfId="1" applyNumberFormat="1" applyFont="1" applyAlignment="1">
      <alignment vertical="center"/>
    </xf>
    <xf numFmtId="2" fontId="12" fillId="0" borderId="30" xfId="2" applyNumberFormat="1" applyFont="1" applyBorder="1" applyAlignment="1">
      <alignment vertical="center"/>
    </xf>
    <xf numFmtId="0" fontId="6" fillId="0" borderId="0" xfId="1" applyFont="1" applyAlignment="1">
      <alignment horizontal="left" vertical="center"/>
    </xf>
    <xf numFmtId="0" fontId="5" fillId="0" borderId="0" xfId="1" applyFont="1" applyAlignment="1">
      <alignment horizontal="left" vertical="center"/>
    </xf>
    <xf numFmtId="14" fontId="5" fillId="0" borderId="0" xfId="1" applyNumberFormat="1" applyFont="1" applyAlignment="1">
      <alignment horizontal="left" vertical="center"/>
    </xf>
    <xf numFmtId="0" fontId="13" fillId="0" borderId="0" xfId="1" applyFont="1" applyAlignment="1">
      <alignment horizontal="right"/>
    </xf>
    <xf numFmtId="0" fontId="13" fillId="0" borderId="1" xfId="1" applyFont="1" applyBorder="1" applyAlignment="1">
      <alignment horizontal="right"/>
    </xf>
    <xf numFmtId="0" fontId="21" fillId="0" borderId="0" xfId="1" applyFont="1"/>
    <xf numFmtId="49" fontId="5" fillId="0" borderId="2" xfId="1" applyNumberFormat="1" applyFont="1" applyBorder="1" applyAlignment="1">
      <alignment vertical="center" textRotation="180"/>
    </xf>
    <xf numFmtId="0" fontId="22" fillId="0" borderId="4" xfId="1" applyFont="1" applyBorder="1"/>
    <xf numFmtId="0" fontId="22" fillId="0" borderId="27" xfId="1" applyFont="1" applyBorder="1"/>
    <xf numFmtId="0" fontId="22" fillId="0" borderId="2" xfId="1" applyFont="1" applyBorder="1"/>
    <xf numFmtId="0" fontId="22" fillId="0" borderId="3" xfId="1" applyFont="1" applyBorder="1"/>
    <xf numFmtId="0" fontId="14" fillId="0" borderId="6" xfId="1" applyFont="1" applyBorder="1" applyAlignment="1">
      <alignment shrinkToFit="1"/>
    </xf>
    <xf numFmtId="0" fontId="14" fillId="0" borderId="30" xfId="1" applyFont="1" applyBorder="1" applyAlignment="1">
      <alignment shrinkToFit="1"/>
    </xf>
    <xf numFmtId="0" fontId="14" fillId="0" borderId="0" xfId="1" applyFont="1" applyAlignment="1">
      <alignment shrinkToFit="1"/>
    </xf>
    <xf numFmtId="0" fontId="14" fillId="0" borderId="5" xfId="1" applyFont="1" applyBorder="1" applyAlignment="1">
      <alignment shrinkToFit="1"/>
    </xf>
    <xf numFmtId="49" fontId="5" fillId="0" borderId="0" xfId="1" applyNumberFormat="1" applyFont="1" applyAlignment="1">
      <alignment horizontal="right" textRotation="180"/>
    </xf>
    <xf numFmtId="0" fontId="21" fillId="0" borderId="0" xfId="1" applyFont="1" applyAlignment="1">
      <alignment horizontal="right"/>
    </xf>
    <xf numFmtId="49" fontId="5" fillId="0" borderId="10" xfId="1" applyNumberFormat="1" applyFont="1" applyBorder="1" applyAlignment="1">
      <alignment vertical="center" textRotation="180"/>
    </xf>
    <xf numFmtId="0" fontId="22" fillId="0" borderId="12" xfId="1" applyFont="1" applyBorder="1"/>
    <xf numFmtId="0" fontId="11" fillId="0" borderId="28" xfId="1" applyFont="1" applyBorder="1" applyAlignment="1">
      <alignment horizontal="right"/>
    </xf>
    <xf numFmtId="0" fontId="22" fillId="0" borderId="10" xfId="1" applyFont="1" applyBorder="1"/>
    <xf numFmtId="0" fontId="11" fillId="0" borderId="11" xfId="1" applyFont="1" applyBorder="1" applyAlignment="1">
      <alignment horizontal="right"/>
    </xf>
    <xf numFmtId="0" fontId="13" fillId="0" borderId="7" xfId="1" applyFont="1" applyBorder="1"/>
    <xf numFmtId="0" fontId="13" fillId="0" borderId="22" xfId="1" applyFont="1" applyBorder="1"/>
    <xf numFmtId="0" fontId="13" fillId="0" borderId="0" xfId="1" applyFont="1" applyAlignment="1">
      <alignment shrinkToFit="1"/>
    </xf>
    <xf numFmtId="0" fontId="13" fillId="0" borderId="30" xfId="1" applyFont="1" applyBorder="1" applyAlignment="1">
      <alignment shrinkToFit="1"/>
    </xf>
    <xf numFmtId="0" fontId="14" fillId="0" borderId="6" xfId="1" applyFont="1" applyBorder="1" applyAlignment="1">
      <alignment horizontal="distributed" vertical="center"/>
    </xf>
    <xf numFmtId="0" fontId="14" fillId="0" borderId="5" xfId="1" applyFont="1" applyBorder="1" applyAlignment="1">
      <alignment horizontal="right" vertical="center"/>
    </xf>
    <xf numFmtId="181" fontId="13" fillId="3" borderId="0" xfId="1" applyNumberFormat="1" applyFont="1" applyFill="1" applyAlignment="1">
      <alignment horizontal="right" vertical="center" shrinkToFit="1"/>
    </xf>
    <xf numFmtId="181" fontId="13" fillId="3" borderId="30" xfId="1" applyNumberFormat="1" applyFont="1" applyFill="1" applyBorder="1" applyAlignment="1">
      <alignment horizontal="right" vertical="center" shrinkToFit="1"/>
    </xf>
    <xf numFmtId="181" fontId="13" fillId="0" borderId="0" xfId="1" applyNumberFormat="1" applyFont="1" applyAlignment="1">
      <alignment horizontal="right" vertical="center" shrinkToFit="1"/>
    </xf>
    <xf numFmtId="181" fontId="13" fillId="0" borderId="30" xfId="1" applyNumberFormat="1" applyFont="1" applyBorder="1" applyAlignment="1">
      <alignment horizontal="right" vertical="center" shrinkToFit="1"/>
    </xf>
    <xf numFmtId="0" fontId="14" fillId="0" borderId="12" xfId="1" applyFont="1" applyBorder="1" applyAlignment="1">
      <alignment horizontal="distributed" vertical="center"/>
    </xf>
    <xf numFmtId="0" fontId="14" fillId="0" borderId="11" xfId="1" applyFont="1" applyBorder="1" applyAlignment="1">
      <alignment vertical="center"/>
    </xf>
    <xf numFmtId="0" fontId="13" fillId="0" borderId="8" xfId="1" applyFont="1" applyBorder="1" applyAlignment="1">
      <alignment vertical="center"/>
    </xf>
    <xf numFmtId="0" fontId="14" fillId="0" borderId="7" xfId="1" applyFont="1" applyBorder="1"/>
    <xf numFmtId="0" fontId="14" fillId="0" borderId="22" xfId="1" applyFont="1" applyBorder="1"/>
    <xf numFmtId="181" fontId="13" fillId="0" borderId="8" xfId="1" applyNumberFormat="1" applyFont="1" applyBorder="1" applyAlignment="1">
      <alignment horizontal="right" vertical="center" shrinkToFit="1"/>
    </xf>
    <xf numFmtId="181" fontId="13" fillId="0" borderId="29" xfId="1" applyNumberFormat="1" applyFont="1" applyBorder="1" applyAlignment="1">
      <alignment horizontal="right" vertical="center" shrinkToFit="1"/>
    </xf>
    <xf numFmtId="181" fontId="13" fillId="3" borderId="0" xfId="1" applyNumberFormat="1" applyFont="1" applyFill="1" applyAlignment="1">
      <alignment horizontal="right" vertical="center"/>
    </xf>
    <xf numFmtId="181" fontId="13" fillId="0" borderId="0" xfId="1" applyNumberFormat="1" applyFont="1" applyAlignment="1">
      <alignment horizontal="right" vertical="center"/>
    </xf>
    <xf numFmtId="0" fontId="10" fillId="0" borderId="0" xfId="1" applyFont="1" applyAlignment="1">
      <alignment horizontal="center" vertical="center"/>
    </xf>
    <xf numFmtId="0" fontId="13" fillId="0" borderId="23" xfId="1" applyFont="1" applyBorder="1" applyAlignment="1">
      <alignment horizontal="distributed" vertical="center"/>
    </xf>
    <xf numFmtId="0" fontId="13" fillId="0" borderId="15" xfId="1" applyFont="1" applyBorder="1" applyAlignment="1">
      <alignment vertical="center"/>
    </xf>
    <xf numFmtId="0" fontId="13" fillId="0" borderId="31" xfId="1" applyFont="1" applyBorder="1" applyAlignment="1">
      <alignment horizontal="right"/>
    </xf>
    <xf numFmtId="0" fontId="25" fillId="0" borderId="0" xfId="1" applyFont="1" applyAlignment="1">
      <alignment horizontal="left" vertical="center"/>
    </xf>
    <xf numFmtId="0" fontId="24" fillId="0" borderId="0" xfId="1" applyFont="1"/>
    <xf numFmtId="0" fontId="24" fillId="0" borderId="0" xfId="1" applyFont="1" applyAlignment="1">
      <alignment horizontal="left" vertical="center"/>
    </xf>
    <xf numFmtId="0" fontId="27" fillId="0" borderId="0" xfId="1" applyFont="1"/>
    <xf numFmtId="49" fontId="24" fillId="0" borderId="0" xfId="1" applyNumberFormat="1" applyFont="1" applyAlignment="1">
      <alignment vertical="center" textRotation="180"/>
    </xf>
    <xf numFmtId="0" fontId="26" fillId="0" borderId="0" xfId="1" applyFont="1" applyAlignment="1">
      <alignment horizontal="right"/>
    </xf>
    <xf numFmtId="0" fontId="26" fillId="0" borderId="0" xfId="1" applyFont="1" applyAlignment="1">
      <alignment horizontal="distributed" vertical="distributed"/>
    </xf>
    <xf numFmtId="0" fontId="26" fillId="0" borderId="0" xfId="1" applyFont="1"/>
    <xf numFmtId="0" fontId="26" fillId="0" borderId="1" xfId="1" applyFont="1" applyBorder="1" applyAlignment="1">
      <alignment horizontal="right"/>
    </xf>
    <xf numFmtId="0" fontId="28" fillId="0" borderId="0" xfId="1" applyFont="1"/>
    <xf numFmtId="49" fontId="24" fillId="0" borderId="2" xfId="1" applyNumberFormat="1" applyFont="1" applyBorder="1" applyAlignment="1">
      <alignment vertical="center" textRotation="180"/>
    </xf>
    <xf numFmtId="0" fontId="30" fillId="0" borderId="4" xfId="1" applyFont="1" applyBorder="1"/>
    <xf numFmtId="0" fontId="30" fillId="0" borderId="27" xfId="1" applyFont="1" applyBorder="1"/>
    <xf numFmtId="0" fontId="30" fillId="0" borderId="2" xfId="1" applyFont="1" applyBorder="1"/>
    <xf numFmtId="0" fontId="30" fillId="0" borderId="3" xfId="1" applyFont="1" applyBorder="1"/>
    <xf numFmtId="0" fontId="31" fillId="0" borderId="6" xfId="1" applyFont="1" applyBorder="1" applyAlignment="1">
      <alignment shrinkToFit="1"/>
    </xf>
    <xf numFmtId="0" fontId="31" fillId="0" borderId="30" xfId="1" applyFont="1" applyBorder="1" applyAlignment="1">
      <alignment shrinkToFit="1"/>
    </xf>
    <xf numFmtId="0" fontId="31" fillId="0" borderId="0" xfId="1" applyFont="1" applyAlignment="1">
      <alignment shrinkToFit="1"/>
    </xf>
    <xf numFmtId="0" fontId="31" fillId="0" borderId="5" xfId="1" applyFont="1" applyBorder="1" applyAlignment="1">
      <alignment shrinkToFit="1"/>
    </xf>
    <xf numFmtId="49" fontId="24" fillId="0" borderId="0" xfId="1" applyNumberFormat="1" applyFont="1" applyAlignment="1">
      <alignment horizontal="right" textRotation="180"/>
    </xf>
    <xf numFmtId="0" fontId="28" fillId="0" borderId="0" xfId="1" applyFont="1" applyAlignment="1">
      <alignment horizontal="right"/>
    </xf>
    <xf numFmtId="49" fontId="24" fillId="0" borderId="10" xfId="1" applyNumberFormat="1" applyFont="1" applyBorder="1" applyAlignment="1">
      <alignment vertical="center" textRotation="180"/>
    </xf>
    <xf numFmtId="0" fontId="30" fillId="0" borderId="12" xfId="1" applyFont="1" applyBorder="1"/>
    <xf numFmtId="0" fontId="34" fillId="0" borderId="28" xfId="1" applyFont="1" applyBorder="1" applyAlignment="1">
      <alignment horizontal="right"/>
    </xf>
    <xf numFmtId="0" fontId="30" fillId="0" borderId="10" xfId="1" applyFont="1" applyBorder="1"/>
    <xf numFmtId="0" fontId="34" fillId="0" borderId="11" xfId="1" applyFont="1" applyBorder="1" applyAlignment="1">
      <alignment horizontal="right"/>
    </xf>
    <xf numFmtId="0" fontId="34" fillId="0" borderId="10" xfId="1" applyFont="1" applyBorder="1" applyAlignment="1">
      <alignment horizontal="right"/>
    </xf>
    <xf numFmtId="0" fontId="26" fillId="0" borderId="7" xfId="1" applyFont="1" applyBorder="1"/>
    <xf numFmtId="0" fontId="26" fillId="0" borderId="22" xfId="1" applyFont="1" applyBorder="1"/>
    <xf numFmtId="0" fontId="26" fillId="0" borderId="0" xfId="1" applyFont="1" applyAlignment="1">
      <alignment shrinkToFit="1"/>
    </xf>
    <xf numFmtId="0" fontId="26" fillId="0" borderId="30" xfId="1" applyFont="1" applyBorder="1" applyAlignment="1">
      <alignment shrinkToFit="1"/>
    </xf>
    <xf numFmtId="0" fontId="31" fillId="0" borderId="6" xfId="1" applyFont="1" applyBorder="1" applyAlignment="1">
      <alignment horizontal="distributed" vertical="center"/>
    </xf>
    <xf numFmtId="0" fontId="31" fillId="0" borderId="5" xfId="1" applyFont="1" applyBorder="1" applyAlignment="1">
      <alignment horizontal="right" vertical="center"/>
    </xf>
    <xf numFmtId="181" fontId="26" fillId="3" borderId="0" xfId="1" applyNumberFormat="1" applyFont="1" applyFill="1" applyAlignment="1">
      <alignment horizontal="right" vertical="center" shrinkToFit="1"/>
    </xf>
    <xf numFmtId="181" fontId="26" fillId="3" borderId="30" xfId="1" applyNumberFormat="1" applyFont="1" applyFill="1" applyBorder="1" applyAlignment="1">
      <alignment horizontal="right" vertical="center" shrinkToFit="1"/>
    </xf>
    <xf numFmtId="181" fontId="26" fillId="0" borderId="0" xfId="1" applyNumberFormat="1" applyFont="1" applyAlignment="1">
      <alignment horizontal="right" vertical="center" shrinkToFit="1"/>
    </xf>
    <xf numFmtId="181" fontId="26" fillId="0" borderId="30" xfId="1" applyNumberFormat="1" applyFont="1" applyBorder="1" applyAlignment="1">
      <alignment horizontal="right" vertical="center" shrinkToFit="1"/>
    </xf>
    <xf numFmtId="0" fontId="36" fillId="0" borderId="0" xfId="1" applyFont="1"/>
    <xf numFmtId="0" fontId="37" fillId="0" borderId="0" xfId="1" applyFont="1"/>
    <xf numFmtId="0" fontId="31" fillId="0" borderId="12" xfId="1" applyFont="1" applyBorder="1" applyAlignment="1">
      <alignment horizontal="distributed" vertical="center"/>
    </xf>
    <xf numFmtId="0" fontId="31" fillId="0" borderId="11" xfId="1" applyFont="1" applyBorder="1" applyAlignment="1">
      <alignment vertical="center"/>
    </xf>
    <xf numFmtId="181" fontId="26" fillId="0" borderId="0" xfId="1" applyNumberFormat="1" applyFont="1" applyAlignment="1">
      <alignment horizontal="center" vertical="center" shrinkToFit="1"/>
    </xf>
    <xf numFmtId="0" fontId="26" fillId="0" borderId="8" xfId="1" applyFont="1" applyBorder="1" applyAlignment="1">
      <alignment vertical="center"/>
    </xf>
    <xf numFmtId="0" fontId="31" fillId="0" borderId="7" xfId="1" applyFont="1" applyBorder="1"/>
    <xf numFmtId="0" fontId="31" fillId="0" borderId="22" xfId="1" applyFont="1" applyBorder="1"/>
    <xf numFmtId="181" fontId="26" fillId="0" borderId="8" xfId="1" applyNumberFormat="1" applyFont="1" applyBorder="1" applyAlignment="1">
      <alignment horizontal="right" vertical="center" shrinkToFit="1"/>
    </xf>
    <xf numFmtId="181" fontId="26" fillId="0" borderId="29" xfId="1" applyNumberFormat="1" applyFont="1" applyBorder="1" applyAlignment="1">
      <alignment horizontal="right" vertical="center" shrinkToFit="1"/>
    </xf>
    <xf numFmtId="0" fontId="26" fillId="0" borderId="0" xfId="1" applyFont="1" applyAlignment="1">
      <alignment vertical="center"/>
    </xf>
    <xf numFmtId="181" fontId="26" fillId="4" borderId="30" xfId="1" applyNumberFormat="1" applyFont="1" applyFill="1" applyBorder="1" applyAlignment="1">
      <alignment horizontal="right" vertical="center" shrinkToFit="1"/>
    </xf>
    <xf numFmtId="181" fontId="26" fillId="5" borderId="0" xfId="1" applyNumberFormat="1" applyFont="1" applyFill="1" applyAlignment="1">
      <alignment horizontal="right" vertical="center" shrinkToFit="1"/>
    </xf>
    <xf numFmtId="181" fontId="26" fillId="4" borderId="0" xfId="1" applyNumberFormat="1" applyFont="1" applyFill="1" applyAlignment="1">
      <alignment horizontal="right" vertical="center" shrinkToFit="1"/>
    </xf>
    <xf numFmtId="181" fontId="26" fillId="0" borderId="0" xfId="1" applyNumberFormat="1" applyFont="1" applyAlignment="1">
      <alignment horizontal="right" vertical="center"/>
    </xf>
    <xf numFmtId="181" fontId="26" fillId="3" borderId="0" xfId="1" applyNumberFormat="1" applyFont="1" applyFill="1" applyAlignment="1">
      <alignment horizontal="right" vertical="center"/>
    </xf>
    <xf numFmtId="0" fontId="35" fillId="0" borderId="0" xfId="1" applyFont="1" applyAlignment="1">
      <alignment horizontal="center" vertical="center"/>
    </xf>
    <xf numFmtId="0" fontId="38" fillId="0" borderId="0" xfId="1" applyFont="1"/>
    <xf numFmtId="0" fontId="26" fillId="0" borderId="1" xfId="1" applyFont="1" applyBorder="1" applyAlignment="1">
      <alignment vertical="center"/>
    </xf>
    <xf numFmtId="0" fontId="26" fillId="0" borderId="23" xfId="1" applyFont="1" applyBorder="1" applyAlignment="1">
      <alignment horizontal="distributed" vertical="center"/>
    </xf>
    <xf numFmtId="0" fontId="26" fillId="0" borderId="15" xfId="1" applyFont="1" applyBorder="1" applyAlignment="1">
      <alignment vertical="center"/>
    </xf>
    <xf numFmtId="0" fontId="26" fillId="0" borderId="31" xfId="1" applyFont="1" applyBorder="1" applyAlignment="1">
      <alignment horizontal="right"/>
    </xf>
    <xf numFmtId="0" fontId="24" fillId="0" borderId="0" xfId="1" applyFont="1" applyAlignment="1">
      <alignment vertical="center"/>
    </xf>
    <xf numFmtId="49" fontId="5" fillId="0" borderId="0" xfId="1" applyNumberFormat="1" applyFont="1" applyAlignment="1">
      <alignment vertical="center"/>
    </xf>
    <xf numFmtId="49" fontId="5" fillId="0" borderId="2" xfId="1" applyNumberFormat="1" applyFont="1" applyBorder="1" applyAlignment="1">
      <alignment vertical="center"/>
    </xf>
    <xf numFmtId="49" fontId="5" fillId="0" borderId="0" xfId="1" applyNumberFormat="1" applyFont="1" applyAlignment="1">
      <alignment horizontal="right"/>
    </xf>
    <xf numFmtId="49" fontId="5" fillId="0" borderId="10" xfId="1" applyNumberFormat="1" applyFont="1" applyBorder="1" applyAlignment="1">
      <alignment vertical="center"/>
    </xf>
    <xf numFmtId="0" fontId="13" fillId="0" borderId="5" xfId="1" applyFont="1" applyBorder="1"/>
    <xf numFmtId="0" fontId="13" fillId="0" borderId="0" xfId="1" applyFont="1" applyAlignment="1">
      <alignment vertical="center"/>
    </xf>
    <xf numFmtId="0" fontId="13" fillId="0" borderId="30" xfId="1" applyFont="1" applyBorder="1" applyAlignment="1">
      <alignment vertical="center"/>
    </xf>
    <xf numFmtId="0" fontId="13" fillId="0" borderId="1" xfId="1" applyFont="1" applyBorder="1" applyAlignment="1">
      <alignment vertical="center"/>
    </xf>
    <xf numFmtId="0" fontId="13" fillId="0" borderId="1" xfId="1" applyFont="1" applyBorder="1" applyAlignment="1">
      <alignment horizontal="right" vertical="center"/>
    </xf>
    <xf numFmtId="0" fontId="13" fillId="0" borderId="31" xfId="1" applyFont="1" applyBorder="1" applyAlignment="1">
      <alignment horizontal="right" vertical="center"/>
    </xf>
    <xf numFmtId="0" fontId="24" fillId="0" borderId="0" xfId="1" applyFont="1" applyAlignment="1">
      <alignment horizontal="center" vertical="center"/>
    </xf>
    <xf numFmtId="0" fontId="26" fillId="0" borderId="0" xfId="1" applyFont="1" applyAlignment="1">
      <alignment horizontal="center" vertical="distributed"/>
    </xf>
    <xf numFmtId="0" fontId="26" fillId="0" borderId="0" xfId="1" applyFont="1" applyAlignment="1">
      <alignment horizontal="center"/>
    </xf>
    <xf numFmtId="0" fontId="24" fillId="0" borderId="0" xfId="1" applyFont="1" applyAlignment="1">
      <alignment horizontal="distributed" vertical="distributed"/>
    </xf>
    <xf numFmtId="0" fontId="39" fillId="0" borderId="0" xfId="1" applyFont="1" applyAlignment="1">
      <alignment horizontal="right" wrapText="1"/>
    </xf>
    <xf numFmtId="0" fontId="40" fillId="0" borderId="0" xfId="1" applyFont="1" applyAlignment="1">
      <alignment horizontal="center"/>
    </xf>
    <xf numFmtId="0" fontId="26" fillId="0" borderId="5" xfId="1" applyFont="1" applyBorder="1"/>
    <xf numFmtId="0" fontId="26" fillId="0" borderId="0" xfId="1" applyFont="1" applyAlignment="1">
      <alignment horizontal="center" vertical="center"/>
    </xf>
    <xf numFmtId="0" fontId="26" fillId="0" borderId="30" xfId="1" applyFont="1" applyBorder="1" applyAlignment="1">
      <alignment horizontal="center" vertical="center"/>
    </xf>
    <xf numFmtId="181" fontId="36" fillId="0" borderId="0" xfId="1" applyNumberFormat="1" applyFont="1" applyAlignment="1">
      <alignment horizontal="center" vertical="center"/>
    </xf>
    <xf numFmtId="181" fontId="26" fillId="6" borderId="0" xfId="1" applyNumberFormat="1" applyFont="1" applyFill="1" applyAlignment="1">
      <alignment horizontal="right" vertical="center" shrinkToFit="1"/>
    </xf>
    <xf numFmtId="181" fontId="26" fillId="6" borderId="30" xfId="1" applyNumberFormat="1" applyFont="1" applyFill="1" applyBorder="1" applyAlignment="1">
      <alignment horizontal="right" vertical="center" shrinkToFit="1"/>
    </xf>
    <xf numFmtId="181" fontId="26" fillId="0" borderId="0" xfId="1" applyNumberFormat="1" applyFont="1" applyAlignment="1">
      <alignment vertical="center" shrinkToFit="1"/>
    </xf>
    <xf numFmtId="181" fontId="26" fillId="0" borderId="30" xfId="1" applyNumberFormat="1" applyFont="1" applyBorder="1" applyAlignment="1">
      <alignment vertical="center" shrinkToFit="1"/>
    </xf>
    <xf numFmtId="181" fontId="26" fillId="3" borderId="0" xfId="1" applyNumberFormat="1" applyFont="1" applyFill="1" applyAlignment="1">
      <alignment vertical="center" shrinkToFit="1"/>
    </xf>
    <xf numFmtId="181" fontId="26" fillId="3" borderId="30" xfId="1" applyNumberFormat="1" applyFont="1" applyFill="1" applyBorder="1" applyAlignment="1">
      <alignment vertical="center" shrinkToFit="1"/>
    </xf>
    <xf numFmtId="0" fontId="24" fillId="0" borderId="0" xfId="1" applyFont="1" applyAlignment="1">
      <alignment horizontal="center"/>
    </xf>
    <xf numFmtId="0" fontId="5" fillId="0" borderId="0" xfId="1" applyFont="1" applyAlignment="1">
      <alignment horizontal="left"/>
    </xf>
    <xf numFmtId="0" fontId="22" fillId="0" borderId="32" xfId="1" applyFont="1" applyBorder="1"/>
    <xf numFmtId="0" fontId="13" fillId="0" borderId="0" xfId="1" applyFont="1" applyAlignment="1">
      <alignment horizontal="center" vertical="center" shrinkToFit="1"/>
    </xf>
    <xf numFmtId="0" fontId="13" fillId="0" borderId="29" xfId="1" applyFont="1" applyBorder="1" applyAlignment="1">
      <alignment horizontal="center" vertical="center" shrinkToFit="1"/>
    </xf>
    <xf numFmtId="0" fontId="6" fillId="0" borderId="0" xfId="1" applyFont="1" applyAlignment="1">
      <alignment horizontal="left"/>
    </xf>
    <xf numFmtId="0" fontId="5" fillId="0" borderId="0" xfId="1" applyFont="1" applyAlignment="1">
      <alignment horizontal="right"/>
    </xf>
    <xf numFmtId="0" fontId="41" fillId="0" borderId="0" xfId="3"/>
    <xf numFmtId="0" fontId="42" fillId="0" borderId="0" xfId="3" applyFont="1" applyAlignment="1">
      <alignment horizontal="left" vertical="center"/>
    </xf>
    <xf numFmtId="0" fontId="42" fillId="0" borderId="0" xfId="3" quotePrefix="1" applyFont="1" applyAlignment="1">
      <alignment horizontal="left" vertical="center"/>
    </xf>
    <xf numFmtId="0" fontId="41" fillId="0" borderId="0" xfId="3" applyAlignment="1">
      <alignment horizontal="centerContinuous"/>
    </xf>
    <xf numFmtId="0" fontId="44" fillId="0" borderId="0" xfId="4" applyAlignment="1"/>
    <xf numFmtId="0" fontId="45" fillId="0" borderId="0" xfId="4" applyFont="1" applyAlignment="1"/>
    <xf numFmtId="0" fontId="46" fillId="0" borderId="0" xfId="3" quotePrefix="1" applyFont="1"/>
    <xf numFmtId="0" fontId="41" fillId="0" borderId="0" xfId="3" applyAlignment="1">
      <alignment horizontal="center"/>
    </xf>
    <xf numFmtId="0" fontId="47" fillId="0" borderId="0" xfId="3" quotePrefix="1" applyFont="1" applyAlignment="1">
      <alignment horizontal="left"/>
    </xf>
    <xf numFmtId="0" fontId="16" fillId="0" borderId="0" xfId="3" applyFont="1"/>
    <xf numFmtId="0" fontId="16" fillId="0" borderId="0" xfId="3" quotePrefix="1" applyFont="1" applyAlignment="1">
      <alignment horizontal="left"/>
    </xf>
    <xf numFmtId="0" fontId="16" fillId="0" borderId="7" xfId="3" applyFont="1" applyBorder="1"/>
    <xf numFmtId="0" fontId="16" fillId="0" borderId="8" xfId="3" applyFont="1" applyBorder="1"/>
    <xf numFmtId="0" fontId="16" fillId="0" borderId="7" xfId="3" applyFont="1" applyBorder="1" applyAlignment="1">
      <alignment horizontal="center"/>
    </xf>
    <xf numFmtId="0" fontId="16" fillId="0" borderId="17" xfId="3" applyFont="1" applyBorder="1" applyAlignment="1">
      <alignment horizontal="center"/>
    </xf>
    <xf numFmtId="0" fontId="16" fillId="0" borderId="6" xfId="3" applyFont="1" applyBorder="1"/>
    <xf numFmtId="0" fontId="16" fillId="0" borderId="6" xfId="3" applyFont="1" applyBorder="1" applyAlignment="1">
      <alignment horizontal="center"/>
    </xf>
    <xf numFmtId="0" fontId="16" fillId="0" borderId="25" xfId="3" applyFont="1" applyBorder="1" applyAlignment="1">
      <alignment horizontal="center"/>
    </xf>
    <xf numFmtId="197" fontId="16" fillId="0" borderId="6" xfId="3" quotePrefix="1" applyNumberFormat="1" applyFont="1" applyBorder="1" applyAlignment="1">
      <alignment horizontal="center"/>
    </xf>
    <xf numFmtId="197" fontId="16" fillId="0" borderId="25" xfId="3" quotePrefix="1" applyNumberFormat="1" applyFont="1" applyBorder="1" applyAlignment="1">
      <alignment horizontal="center"/>
    </xf>
    <xf numFmtId="197" fontId="16" fillId="0" borderId="25" xfId="3" applyNumberFormat="1" applyFont="1" applyBorder="1" applyAlignment="1">
      <alignment horizontal="center"/>
    </xf>
    <xf numFmtId="197" fontId="16" fillId="0" borderId="37" xfId="3" quotePrefix="1" applyNumberFormat="1" applyFont="1" applyBorder="1" applyAlignment="1">
      <alignment horizontal="center"/>
    </xf>
    <xf numFmtId="197" fontId="16" fillId="0" borderId="37" xfId="3" applyNumberFormat="1" applyFont="1" applyBorder="1" applyAlignment="1">
      <alignment horizontal="center"/>
    </xf>
    <xf numFmtId="0" fontId="16" fillId="0" borderId="6" xfId="3" quotePrefix="1" applyFont="1" applyBorder="1"/>
    <xf numFmtId="0" fontId="16" fillId="0" borderId="5" xfId="3" applyFont="1" applyBorder="1" applyAlignment="1">
      <alignment horizontal="right"/>
    </xf>
    <xf numFmtId="0" fontId="16" fillId="0" borderId="33" xfId="3" quotePrefix="1" applyFont="1" applyBorder="1"/>
    <xf numFmtId="0" fontId="16" fillId="0" borderId="34" xfId="3" applyFont="1" applyBorder="1" applyAlignment="1">
      <alignment horizontal="right"/>
    </xf>
    <xf numFmtId="0" fontId="16" fillId="0" borderId="6" xfId="3" quotePrefix="1" applyFont="1" applyBorder="1" applyAlignment="1">
      <alignment horizontal="right"/>
    </xf>
    <xf numFmtId="0" fontId="16" fillId="0" borderId="5" xfId="3" quotePrefix="1" applyFont="1" applyBorder="1" applyAlignment="1">
      <alignment horizontal="right"/>
    </xf>
    <xf numFmtId="197" fontId="16" fillId="0" borderId="40" xfId="3" quotePrefix="1" applyNumberFormat="1" applyFont="1" applyBorder="1" applyAlignment="1">
      <alignment horizontal="center"/>
    </xf>
    <xf numFmtId="197" fontId="16" fillId="0" borderId="40" xfId="3" applyNumberFormat="1" applyFont="1" applyBorder="1" applyAlignment="1">
      <alignment horizontal="center"/>
    </xf>
    <xf numFmtId="0" fontId="2" fillId="2" borderId="0" xfId="1" applyFont="1" applyFill="1" applyAlignment="1">
      <alignment horizontal="distributed" vertical="center"/>
    </xf>
    <xf numFmtId="0" fontId="6" fillId="0" borderId="0" xfId="1" applyFont="1" applyAlignment="1">
      <alignment horizontal="left" vertical="center"/>
    </xf>
    <xf numFmtId="0" fontId="10" fillId="0" borderId="4" xfId="1" applyFont="1" applyBorder="1" applyAlignment="1">
      <alignment horizontal="center" vertical="center"/>
    </xf>
    <xf numFmtId="0" fontId="10" fillId="0" borderId="2" xfId="1" applyFont="1" applyBorder="1" applyAlignment="1">
      <alignment horizontal="center" vertical="center"/>
    </xf>
    <xf numFmtId="0" fontId="10" fillId="0" borderId="6" xfId="1" applyFont="1" applyBorder="1" applyAlignment="1">
      <alignment horizontal="center" vertical="center"/>
    </xf>
    <xf numFmtId="0" fontId="10" fillId="0" borderId="0" xfId="1" applyFont="1" applyAlignment="1">
      <alignment horizontal="center" vertical="center"/>
    </xf>
    <xf numFmtId="0" fontId="10" fillId="0" borderId="0" xfId="1" applyFont="1" applyAlignment="1">
      <alignment horizontal="distributed" vertical="center"/>
    </xf>
    <xf numFmtId="0" fontId="10" fillId="0" borderId="7" xfId="1" applyFont="1" applyBorder="1" applyAlignment="1">
      <alignment horizontal="center" vertical="center" wrapText="1"/>
    </xf>
    <xf numFmtId="0" fontId="10" fillId="0" borderId="8" xfId="1" applyFont="1" applyBorder="1" applyAlignment="1">
      <alignment horizontal="center" vertical="center" wrapText="1"/>
    </xf>
    <xf numFmtId="0" fontId="10" fillId="0" borderId="6" xfId="1" applyFont="1" applyBorder="1" applyAlignment="1">
      <alignment horizontal="center" vertical="center" wrapText="1"/>
    </xf>
    <xf numFmtId="0" fontId="10" fillId="0" borderId="0" xfId="1" applyFont="1" applyAlignment="1">
      <alignment horizontal="center" vertical="center" wrapText="1"/>
    </xf>
    <xf numFmtId="0" fontId="10" fillId="0" borderId="7" xfId="1" applyFont="1" applyBorder="1" applyAlignment="1">
      <alignment horizontal="center" vertical="center" wrapText="1" shrinkToFit="1"/>
    </xf>
    <xf numFmtId="0" fontId="10" fillId="0" borderId="8" xfId="1" applyFont="1" applyBorder="1" applyAlignment="1">
      <alignment horizontal="center" vertical="center" wrapText="1" shrinkToFit="1"/>
    </xf>
    <xf numFmtId="0" fontId="10" fillId="0" borderId="6" xfId="1" applyFont="1" applyBorder="1" applyAlignment="1">
      <alignment horizontal="center" vertical="center" wrapText="1" shrinkToFit="1"/>
    </xf>
    <xf numFmtId="0" fontId="10" fillId="0" borderId="0" xfId="1" applyFont="1" applyAlignment="1">
      <alignment horizontal="center" vertical="center" wrapText="1" shrinkToFit="1"/>
    </xf>
    <xf numFmtId="0" fontId="10" fillId="0" borderId="7" xfId="1" applyFont="1" applyBorder="1" applyAlignment="1">
      <alignment horizontal="center" vertical="center"/>
    </xf>
    <xf numFmtId="0" fontId="10" fillId="0" borderId="8" xfId="1" applyFont="1" applyBorder="1" applyAlignment="1">
      <alignment horizontal="center" vertical="center"/>
    </xf>
    <xf numFmtId="0" fontId="11" fillId="0" borderId="10" xfId="1" applyFont="1" applyBorder="1" applyAlignment="1">
      <alignment horizontal="right" vertical="center"/>
    </xf>
    <xf numFmtId="0" fontId="17" fillId="3" borderId="0" xfId="1" applyFont="1" applyFill="1" applyAlignment="1">
      <alignment horizontal="distributed" vertical="center"/>
    </xf>
    <xf numFmtId="177" fontId="18" fillId="3" borderId="6" xfId="1" applyNumberFormat="1" applyFont="1" applyFill="1" applyBorder="1" applyAlignment="1">
      <alignment vertical="center"/>
    </xf>
    <xf numFmtId="177" fontId="18" fillId="3" borderId="0" xfId="1" applyNumberFormat="1" applyFont="1" applyFill="1" applyAlignment="1">
      <alignment vertical="center"/>
    </xf>
    <xf numFmtId="178" fontId="18" fillId="3" borderId="0" xfId="1" applyNumberFormat="1" applyFont="1" applyFill="1" applyAlignment="1">
      <alignment vertical="center"/>
    </xf>
    <xf numFmtId="179" fontId="18" fillId="3" borderId="0" xfId="1" applyNumberFormat="1" applyFont="1" applyFill="1" applyAlignment="1">
      <alignment vertical="center"/>
    </xf>
    <xf numFmtId="180" fontId="18" fillId="3" borderId="0" xfId="1" applyNumberFormat="1" applyFont="1" applyFill="1" applyAlignment="1">
      <alignment vertical="center"/>
    </xf>
    <xf numFmtId="0" fontId="17" fillId="0" borderId="0" xfId="1" applyFont="1" applyAlignment="1">
      <alignment horizontal="distributed" vertical="center"/>
    </xf>
    <xf numFmtId="177" fontId="18" fillId="0" borderId="6" xfId="1" applyNumberFormat="1" applyFont="1" applyBorder="1" applyAlignment="1">
      <alignment vertical="center"/>
    </xf>
    <xf numFmtId="177" fontId="18" fillId="0" borderId="0" xfId="1" applyNumberFormat="1" applyFont="1" applyAlignment="1">
      <alignment vertical="center"/>
    </xf>
    <xf numFmtId="178" fontId="18" fillId="0" borderId="0" xfId="1" applyNumberFormat="1" applyFont="1" applyAlignment="1">
      <alignment vertical="center"/>
    </xf>
    <xf numFmtId="179" fontId="18" fillId="0" borderId="0" xfId="1" applyNumberFormat="1" applyFont="1" applyAlignment="1">
      <alignment vertical="center"/>
    </xf>
    <xf numFmtId="180" fontId="18" fillId="0" borderId="0" xfId="1" applyNumberFormat="1" applyFont="1" applyAlignment="1">
      <alignment vertical="center"/>
    </xf>
    <xf numFmtId="0" fontId="10" fillId="0" borderId="3" xfId="1" applyFont="1" applyBorder="1" applyAlignment="1">
      <alignment horizontal="center" vertical="center"/>
    </xf>
    <xf numFmtId="0" fontId="10" fillId="0" borderId="5" xfId="1" applyFont="1" applyBorder="1" applyAlignment="1">
      <alignment horizontal="center" vertical="center"/>
    </xf>
    <xf numFmtId="0" fontId="10" fillId="0" borderId="10" xfId="1" applyFont="1" applyBorder="1" applyAlignment="1">
      <alignment horizontal="center" vertical="center"/>
    </xf>
    <xf numFmtId="0" fontId="10" fillId="0" borderId="11" xfId="1" applyFont="1" applyBorder="1" applyAlignment="1">
      <alignment horizontal="center" vertical="center"/>
    </xf>
    <xf numFmtId="0" fontId="10" fillId="0" borderId="17" xfId="1" applyFont="1" applyBorder="1" applyAlignment="1">
      <alignment horizontal="center" vertical="center"/>
    </xf>
    <xf numFmtId="0" fontId="11" fillId="0" borderId="11" xfId="1" applyFont="1" applyBorder="1" applyAlignment="1">
      <alignment horizontal="right" vertical="center"/>
    </xf>
    <xf numFmtId="0" fontId="11" fillId="0" borderId="18" xfId="1" applyFont="1" applyBorder="1" applyAlignment="1">
      <alignment horizontal="right" vertical="center"/>
    </xf>
    <xf numFmtId="0" fontId="11" fillId="0" borderId="12" xfId="1" applyFont="1" applyBorder="1" applyAlignment="1">
      <alignment horizontal="right" vertical="center"/>
    </xf>
    <xf numFmtId="0" fontId="4" fillId="0" borderId="0" xfId="1" applyFont="1" applyAlignment="1">
      <alignment horizontal="right" vertical="center"/>
    </xf>
    <xf numFmtId="183" fontId="18" fillId="3" borderId="0" xfId="1" applyNumberFormat="1" applyFont="1" applyFill="1" applyAlignment="1">
      <alignment vertical="center"/>
    </xf>
    <xf numFmtId="184" fontId="18" fillId="3" borderId="0" xfId="1" applyNumberFormat="1" applyFont="1" applyFill="1" applyAlignment="1">
      <alignment vertical="center"/>
    </xf>
    <xf numFmtId="185" fontId="18" fillId="3" borderId="0" xfId="1" applyNumberFormat="1" applyFont="1" applyFill="1" applyAlignment="1">
      <alignment vertical="center"/>
    </xf>
    <xf numFmtId="186" fontId="18" fillId="3" borderId="0" xfId="1" applyNumberFormat="1" applyFont="1" applyFill="1" applyAlignment="1">
      <alignment vertical="center"/>
    </xf>
    <xf numFmtId="183" fontId="18" fillId="0" borderId="0" xfId="1" applyNumberFormat="1" applyFont="1" applyAlignment="1">
      <alignment vertical="center"/>
    </xf>
    <xf numFmtId="184" fontId="18" fillId="0" borderId="0" xfId="1" applyNumberFormat="1" applyFont="1" applyAlignment="1">
      <alignment vertical="center"/>
    </xf>
    <xf numFmtId="185" fontId="18" fillId="0" borderId="0" xfId="1" applyNumberFormat="1" applyFont="1" applyAlignment="1">
      <alignment vertical="center"/>
    </xf>
    <xf numFmtId="186" fontId="18" fillId="0" borderId="0" xfId="1" applyNumberFormat="1" applyFont="1" applyAlignment="1">
      <alignment vertical="center"/>
    </xf>
    <xf numFmtId="0" fontId="10" fillId="0" borderId="21" xfId="1" applyFont="1" applyBorder="1" applyAlignment="1">
      <alignment horizontal="center" vertical="center"/>
    </xf>
    <xf numFmtId="0" fontId="10" fillId="0" borderId="16" xfId="1" applyFont="1" applyBorder="1" applyAlignment="1">
      <alignment horizontal="center" vertical="center"/>
    </xf>
    <xf numFmtId="0" fontId="10" fillId="0" borderId="22" xfId="1" applyFont="1" applyBorder="1" applyAlignment="1">
      <alignment horizontal="center" vertical="center"/>
    </xf>
    <xf numFmtId="187" fontId="18" fillId="3" borderId="0" xfId="1" applyNumberFormat="1" applyFont="1" applyFill="1" applyAlignment="1">
      <alignment vertical="center"/>
    </xf>
    <xf numFmtId="188" fontId="18" fillId="3" borderId="0" xfId="1" applyNumberFormat="1" applyFont="1" applyFill="1" applyAlignment="1">
      <alignment vertical="center"/>
    </xf>
    <xf numFmtId="187" fontId="18" fillId="0" borderId="0" xfId="1" applyNumberFormat="1" applyFont="1" applyAlignment="1">
      <alignment vertical="center"/>
    </xf>
    <xf numFmtId="188" fontId="18" fillId="0" borderId="0" xfId="1" applyNumberFormat="1" applyFont="1" applyAlignment="1">
      <alignment vertical="center"/>
    </xf>
    <xf numFmtId="0" fontId="14" fillId="0" borderId="17" xfId="1" applyFont="1" applyBorder="1" applyAlignment="1">
      <alignment horizontal="center" vertical="center"/>
    </xf>
    <xf numFmtId="0" fontId="14" fillId="0" borderId="25" xfId="1" applyFont="1" applyBorder="1" applyAlignment="1">
      <alignment horizontal="center" vertical="center"/>
    </xf>
    <xf numFmtId="176" fontId="14" fillId="0" borderId="7" xfId="1" applyNumberFormat="1" applyFont="1" applyBorder="1" applyAlignment="1">
      <alignment horizontal="center" vertical="center"/>
    </xf>
    <xf numFmtId="176" fontId="14" fillId="0" borderId="6" xfId="1" applyNumberFormat="1" applyFont="1" applyBorder="1" applyAlignment="1">
      <alignment horizontal="center" vertical="center"/>
    </xf>
    <xf numFmtId="176" fontId="14" fillId="0" borderId="12" xfId="1" applyNumberFormat="1" applyFont="1" applyBorder="1" applyAlignment="1">
      <alignment horizontal="center" vertical="center"/>
    </xf>
    <xf numFmtId="0" fontId="20" fillId="0" borderId="7" xfId="1" applyFont="1" applyBorder="1" applyAlignment="1">
      <alignment horizontal="center" vertical="center" wrapText="1"/>
    </xf>
    <xf numFmtId="0" fontId="20" fillId="0" borderId="6" xfId="1" applyFont="1" applyBorder="1" applyAlignment="1">
      <alignment horizontal="center" vertical="center"/>
    </xf>
    <xf numFmtId="0" fontId="14" fillId="0" borderId="17" xfId="1" applyFont="1" applyBorder="1" applyAlignment="1">
      <alignment horizontal="center" vertical="center" wrapText="1"/>
    </xf>
    <xf numFmtId="0" fontId="14" fillId="0" borderId="25" xfId="1" applyFont="1" applyBorder="1" applyAlignment="1">
      <alignment horizontal="center" vertical="center" wrapText="1"/>
    </xf>
    <xf numFmtId="49" fontId="5" fillId="0" borderId="0" xfId="1" applyNumberFormat="1" applyFont="1" applyAlignment="1">
      <alignment vertical="center" textRotation="180"/>
    </xf>
    <xf numFmtId="0" fontId="13" fillId="0" borderId="0" xfId="1" applyFont="1"/>
    <xf numFmtId="0" fontId="13" fillId="0" borderId="0" xfId="1" applyFont="1" applyAlignment="1">
      <alignment horizontal="right"/>
    </xf>
    <xf numFmtId="0" fontId="10" fillId="0" borderId="2" xfId="1" applyFont="1" applyBorder="1"/>
    <xf numFmtId="0" fontId="10" fillId="0" borderId="10" xfId="1" applyFont="1" applyBorder="1"/>
    <xf numFmtId="0" fontId="10" fillId="0" borderId="2" xfId="1" applyFont="1" applyBorder="1" applyAlignment="1">
      <alignment horizontal="distributed" vertical="center"/>
    </xf>
    <xf numFmtId="0" fontId="10" fillId="0" borderId="10" xfId="1" applyFont="1" applyBorder="1" applyAlignment="1">
      <alignment horizontal="distributed" vertical="center"/>
    </xf>
    <xf numFmtId="0" fontId="6" fillId="0" borderId="0" xfId="1" applyFont="1"/>
    <xf numFmtId="0" fontId="10" fillId="0" borderId="12" xfId="1" applyFont="1" applyBorder="1" applyAlignment="1">
      <alignment horizontal="center" vertical="center"/>
    </xf>
    <xf numFmtId="0" fontId="10" fillId="0" borderId="2" xfId="1" applyFont="1" applyBorder="1" applyAlignment="1">
      <alignment vertical="center"/>
    </xf>
    <xf numFmtId="0" fontId="10" fillId="0" borderId="10" xfId="1" applyFont="1" applyBorder="1" applyAlignment="1">
      <alignment vertical="center"/>
    </xf>
    <xf numFmtId="0" fontId="1" fillId="0" borderId="2" xfId="1" applyBorder="1" applyAlignment="1">
      <alignment horizontal="distributed"/>
    </xf>
    <xf numFmtId="0" fontId="1" fillId="0" borderId="10" xfId="1" applyBorder="1" applyAlignment="1">
      <alignment horizontal="distributed"/>
    </xf>
    <xf numFmtId="176" fontId="14" fillId="0" borderId="17" xfId="1" applyNumberFormat="1" applyFont="1" applyBorder="1" applyAlignment="1">
      <alignment horizontal="center" vertical="center"/>
    </xf>
    <xf numFmtId="176" fontId="14" fillId="0" borderId="25" xfId="1" applyNumberFormat="1" applyFont="1" applyBorder="1" applyAlignment="1">
      <alignment horizontal="center" vertical="center"/>
    </xf>
    <xf numFmtId="176" fontId="14" fillId="0" borderId="18" xfId="1" applyNumberFormat="1" applyFont="1" applyBorder="1" applyAlignment="1">
      <alignment horizontal="center" vertical="center"/>
    </xf>
    <xf numFmtId="0" fontId="14" fillId="0" borderId="7" xfId="1" applyFont="1" applyBorder="1" applyAlignment="1">
      <alignment horizontal="left" vertical="center"/>
    </xf>
    <xf numFmtId="0" fontId="14" fillId="0" borderId="8" xfId="1" applyFont="1" applyBorder="1" applyAlignment="1">
      <alignment horizontal="left" vertical="center"/>
    </xf>
    <xf numFmtId="0" fontId="14" fillId="0" borderId="6" xfId="1" applyFont="1" applyBorder="1" applyAlignment="1">
      <alignment horizontal="left" vertical="center"/>
    </xf>
    <xf numFmtId="0" fontId="14" fillId="0" borderId="0" xfId="1" applyFont="1" applyAlignment="1">
      <alignment horizontal="left" vertical="center"/>
    </xf>
    <xf numFmtId="0" fontId="10" fillId="0" borderId="3" xfId="1" applyFont="1" applyBorder="1"/>
    <xf numFmtId="0" fontId="10" fillId="0" borderId="12" xfId="1" applyFont="1" applyBorder="1"/>
    <xf numFmtId="0" fontId="10" fillId="0" borderId="11" xfId="1" applyFont="1" applyBorder="1"/>
    <xf numFmtId="176" fontId="20" fillId="0" borderId="7" xfId="1" applyNumberFormat="1" applyFont="1" applyBorder="1" applyAlignment="1">
      <alignment horizontal="center" vertical="center" wrapText="1"/>
    </xf>
    <xf numFmtId="0" fontId="20" fillId="0" borderId="6" xfId="1" applyFont="1" applyBorder="1" applyAlignment="1">
      <alignment horizontal="center" vertical="center" wrapText="1"/>
    </xf>
    <xf numFmtId="0" fontId="14" fillId="0" borderId="26" xfId="1" applyFont="1" applyBorder="1" applyAlignment="1">
      <alignment horizontal="center" vertical="center"/>
    </xf>
    <xf numFmtId="0" fontId="14" fillId="0" borderId="24" xfId="1" applyFont="1" applyBorder="1" applyAlignment="1">
      <alignment horizontal="center" vertical="center"/>
    </xf>
    <xf numFmtId="0" fontId="13" fillId="0" borderId="0" xfId="1" applyFont="1" applyAlignment="1">
      <alignment vertical="distributed"/>
    </xf>
    <xf numFmtId="0" fontId="10" fillId="0" borderId="2" xfId="1" applyFont="1" applyBorder="1" applyAlignment="1">
      <alignment horizontal="distributed" vertical="distributed"/>
    </xf>
    <xf numFmtId="0" fontId="10" fillId="0" borderId="10" xfId="1" applyFont="1" applyBorder="1" applyAlignment="1">
      <alignment horizontal="distributed" vertical="distributed"/>
    </xf>
    <xf numFmtId="0" fontId="14" fillId="0" borderId="7" xfId="1" applyFont="1" applyBorder="1" applyAlignment="1">
      <alignment horizontal="center" vertical="center"/>
    </xf>
    <xf numFmtId="0" fontId="14" fillId="0" borderId="22" xfId="1" applyFont="1" applyBorder="1" applyAlignment="1">
      <alignment horizontal="center" vertical="center"/>
    </xf>
    <xf numFmtId="0" fontId="14" fillId="0" borderId="29" xfId="1" applyFont="1" applyBorder="1" applyAlignment="1">
      <alignment horizontal="center" vertical="center"/>
    </xf>
    <xf numFmtId="0" fontId="14" fillId="0" borderId="8" xfId="1" applyFont="1" applyBorder="1" applyAlignment="1">
      <alignment horizontal="center" vertical="center"/>
    </xf>
    <xf numFmtId="0" fontId="13" fillId="0" borderId="0" xfId="1" applyFont="1" applyAlignment="1">
      <alignment horizontal="distributed" vertical="distributed"/>
    </xf>
    <xf numFmtId="0" fontId="5" fillId="0" borderId="0" xfId="1" applyFont="1"/>
    <xf numFmtId="0" fontId="14" fillId="0" borderId="6" xfId="1" applyFont="1" applyBorder="1" applyAlignment="1">
      <alignment horizontal="distributed" vertical="distributed" shrinkToFit="1"/>
    </xf>
    <xf numFmtId="0" fontId="16" fillId="0" borderId="5" xfId="1" applyFont="1" applyBorder="1" applyAlignment="1">
      <alignment horizontal="distributed" vertical="distributed" shrinkToFit="1"/>
    </xf>
    <xf numFmtId="0" fontId="19" fillId="0" borderId="2" xfId="1" applyFont="1" applyBorder="1"/>
    <xf numFmtId="0" fontId="19" fillId="0" borderId="3" xfId="1" applyFont="1" applyBorder="1"/>
    <xf numFmtId="0" fontId="19" fillId="0" borderId="0" xfId="1" applyFont="1"/>
    <xf numFmtId="0" fontId="19" fillId="0" borderId="5" xfId="1" applyFont="1" applyBorder="1"/>
    <xf numFmtId="0" fontId="19" fillId="0" borderId="10" xfId="1" applyFont="1" applyBorder="1"/>
    <xf numFmtId="0" fontId="19" fillId="0" borderId="11" xfId="1" applyFont="1" applyBorder="1"/>
    <xf numFmtId="0" fontId="14" fillId="0" borderId="30" xfId="1" applyFont="1" applyBorder="1" applyAlignment="1">
      <alignment horizontal="distributed" vertical="distributed" shrinkToFit="1"/>
    </xf>
    <xf numFmtId="0" fontId="14" fillId="0" borderId="0" xfId="1" applyFont="1" applyAlignment="1">
      <alignment horizontal="distributed" vertical="distributed" shrinkToFit="1"/>
    </xf>
    <xf numFmtId="0" fontId="14" fillId="0" borderId="5" xfId="1" applyFont="1" applyBorder="1" applyAlignment="1">
      <alignment horizontal="distributed" vertical="distributed" shrinkToFit="1"/>
    </xf>
    <xf numFmtId="0" fontId="16" fillId="0" borderId="5" xfId="1" applyFont="1" applyBorder="1" applyAlignment="1">
      <alignment shrinkToFit="1"/>
    </xf>
    <xf numFmtId="0" fontId="14" fillId="0" borderId="6" xfId="1" applyFont="1" applyBorder="1" applyAlignment="1">
      <alignment vertical="center" shrinkToFit="1"/>
    </xf>
    <xf numFmtId="0" fontId="16" fillId="0" borderId="5" xfId="1" applyFont="1" applyBorder="1" applyAlignment="1">
      <alignment vertical="center" shrinkToFit="1"/>
    </xf>
    <xf numFmtId="0" fontId="14" fillId="0" borderId="6" xfId="1" applyFont="1" applyBorder="1" applyAlignment="1">
      <alignment horizontal="distributed" shrinkToFit="1"/>
    </xf>
    <xf numFmtId="49" fontId="14" fillId="0" borderId="6" xfId="1" applyNumberFormat="1" applyFont="1" applyBorder="1" applyAlignment="1">
      <alignment horizontal="distributed" vertical="distributed" shrinkToFit="1"/>
    </xf>
    <xf numFmtId="0" fontId="16" fillId="0" borderId="0" xfId="1" applyFont="1" applyAlignment="1">
      <alignment horizontal="distributed" vertical="distributed" shrinkToFit="1"/>
    </xf>
    <xf numFmtId="0" fontId="16" fillId="0" borderId="0" xfId="1" applyFont="1" applyAlignment="1">
      <alignment shrinkToFit="1"/>
    </xf>
    <xf numFmtId="0" fontId="23" fillId="0" borderId="6" xfId="1" applyFont="1" applyBorder="1" applyAlignment="1">
      <alignment horizontal="left" wrapText="1"/>
    </xf>
    <xf numFmtId="0" fontId="23" fillId="0" borderId="30" xfId="1" applyFont="1" applyBorder="1" applyAlignment="1">
      <alignment horizontal="left" wrapText="1"/>
    </xf>
    <xf numFmtId="0" fontId="23" fillId="0" borderId="0" xfId="1" applyFont="1" applyAlignment="1">
      <alignment horizontal="left" wrapText="1"/>
    </xf>
    <xf numFmtId="0" fontId="23" fillId="0" borderId="5" xfId="1" applyFont="1" applyBorder="1" applyAlignment="1">
      <alignment horizontal="left" wrapText="1"/>
    </xf>
    <xf numFmtId="0" fontId="13" fillId="0" borderId="0" xfId="1" applyFont="1" applyAlignment="1">
      <alignment vertical="center"/>
    </xf>
    <xf numFmtId="0" fontId="12" fillId="0" borderId="0" xfId="1" applyFont="1" applyAlignment="1">
      <alignment vertical="center"/>
    </xf>
    <xf numFmtId="0" fontId="5" fillId="0" borderId="0" xfId="1" applyFont="1" applyAlignment="1">
      <alignment vertical="center"/>
    </xf>
    <xf numFmtId="49" fontId="10" fillId="0" borderId="8" xfId="1" applyNumberFormat="1" applyFont="1" applyBorder="1" applyAlignment="1">
      <alignment horizontal="center" vertical="center" textRotation="255"/>
    </xf>
    <xf numFmtId="0" fontId="10" fillId="0" borderId="0" xfId="1" applyFont="1"/>
    <xf numFmtId="0" fontId="10" fillId="0" borderId="0" xfId="1" applyFont="1" applyAlignment="1">
      <alignment horizontal="center" textRotation="255"/>
    </xf>
    <xf numFmtId="0" fontId="10" fillId="0" borderId="0" xfId="1" applyFont="1" applyAlignment="1">
      <alignment horizontal="center" vertical="top" textRotation="255"/>
    </xf>
    <xf numFmtId="0" fontId="31" fillId="0" borderId="6" xfId="1" applyFont="1" applyBorder="1" applyAlignment="1">
      <alignment horizontal="distributed" vertical="distributed" shrinkToFit="1"/>
    </xf>
    <xf numFmtId="0" fontId="32" fillId="0" borderId="5" xfId="1" applyFont="1" applyBorder="1" applyAlignment="1">
      <alignment horizontal="distributed" vertical="distributed" shrinkToFit="1"/>
    </xf>
    <xf numFmtId="49" fontId="24" fillId="0" borderId="0" xfId="1" applyNumberFormat="1" applyFont="1" applyAlignment="1">
      <alignment vertical="center" textRotation="180"/>
    </xf>
    <xf numFmtId="0" fontId="26" fillId="0" borderId="0" xfId="1" applyFont="1" applyAlignment="1">
      <alignment horizontal="right"/>
    </xf>
    <xf numFmtId="0" fontId="26" fillId="0" borderId="0" xfId="1" applyFont="1" applyAlignment="1">
      <alignment horizontal="distributed" vertical="distributed"/>
    </xf>
    <xf numFmtId="0" fontId="29" fillId="0" borderId="2" xfId="1" applyFont="1" applyBorder="1"/>
    <xf numFmtId="0" fontId="29" fillId="0" borderId="3" xfId="1" applyFont="1" applyBorder="1"/>
    <xf numFmtId="0" fontId="29" fillId="0" borderId="0" xfId="1" applyFont="1"/>
    <xf numFmtId="0" fontId="29" fillId="0" borderId="5" xfId="1" applyFont="1" applyBorder="1"/>
    <xf numFmtId="0" fontId="29" fillId="0" borderId="10" xfId="1" applyFont="1" applyBorder="1"/>
    <xf numFmtId="0" fontId="29" fillId="0" borderId="11" xfId="1" applyFont="1" applyBorder="1"/>
    <xf numFmtId="0" fontId="31" fillId="0" borderId="30" xfId="1" applyFont="1" applyBorder="1" applyAlignment="1">
      <alignment horizontal="distributed" vertical="distributed" shrinkToFit="1"/>
    </xf>
    <xf numFmtId="0" fontId="31" fillId="0" borderId="0" xfId="1" applyFont="1" applyAlignment="1">
      <alignment horizontal="distributed" vertical="distributed" shrinkToFit="1"/>
    </xf>
    <xf numFmtId="0" fontId="31" fillId="0" borderId="5" xfId="1" applyFont="1" applyBorder="1" applyAlignment="1">
      <alignment horizontal="distributed" vertical="distributed" shrinkToFit="1"/>
    </xf>
    <xf numFmtId="0" fontId="32" fillId="0" borderId="5" xfId="1" applyFont="1" applyBorder="1" applyAlignment="1">
      <alignment shrinkToFit="1"/>
    </xf>
    <xf numFmtId="0" fontId="31" fillId="0" borderId="6" xfId="1" applyFont="1" applyBorder="1" applyAlignment="1">
      <alignment vertical="center" shrinkToFit="1"/>
    </xf>
    <xf numFmtId="0" fontId="32" fillId="0" borderId="5" xfId="1" applyFont="1" applyBorder="1" applyAlignment="1">
      <alignment vertical="center" shrinkToFit="1"/>
    </xf>
    <xf numFmtId="0" fontId="31" fillId="0" borderId="6" xfId="1" applyFont="1" applyBorder="1" applyAlignment="1">
      <alignment horizontal="distributed" shrinkToFit="1"/>
    </xf>
    <xf numFmtId="49" fontId="31" fillId="0" borderId="6" xfId="1" applyNumberFormat="1" applyFont="1" applyBorder="1" applyAlignment="1">
      <alignment horizontal="distributed" vertical="distributed" shrinkToFit="1"/>
    </xf>
    <xf numFmtId="0" fontId="32" fillId="0" borderId="0" xfId="1" applyFont="1" applyAlignment="1">
      <alignment horizontal="distributed" vertical="distributed" shrinkToFit="1"/>
    </xf>
    <xf numFmtId="0" fontId="32" fillId="0" borderId="0" xfId="1" applyFont="1" applyAlignment="1">
      <alignment shrinkToFit="1"/>
    </xf>
    <xf numFmtId="0" fontId="33" fillId="0" borderId="6" xfId="1" applyFont="1" applyBorder="1" applyAlignment="1">
      <alignment horizontal="left" wrapText="1"/>
    </xf>
    <xf numFmtId="0" fontId="33" fillId="0" borderId="30" xfId="1" applyFont="1" applyBorder="1" applyAlignment="1">
      <alignment horizontal="left" wrapText="1"/>
    </xf>
    <xf numFmtId="0" fontId="33" fillId="0" borderId="0" xfId="1" applyFont="1" applyAlignment="1">
      <alignment horizontal="left" wrapText="1"/>
    </xf>
    <xf numFmtId="0" fontId="33" fillId="0" borderId="5" xfId="1" applyFont="1" applyBorder="1" applyAlignment="1">
      <alignment horizontal="left" wrapText="1"/>
    </xf>
    <xf numFmtId="49" fontId="26" fillId="0" borderId="0" xfId="1" applyNumberFormat="1" applyFont="1" applyAlignment="1">
      <alignment vertical="top" wrapText="1"/>
    </xf>
    <xf numFmtId="49" fontId="35" fillId="0" borderId="8" xfId="1" applyNumberFormat="1" applyFont="1" applyBorder="1" applyAlignment="1">
      <alignment horizontal="center" vertical="center" textRotation="255"/>
    </xf>
    <xf numFmtId="0" fontId="35" fillId="0" borderId="0" xfId="1" applyFont="1"/>
    <xf numFmtId="0" fontId="35" fillId="0" borderId="10" xfId="1" applyFont="1" applyBorder="1"/>
    <xf numFmtId="0" fontId="35" fillId="0" borderId="0" xfId="1" applyFont="1" applyAlignment="1">
      <alignment horizontal="center" textRotation="255"/>
    </xf>
    <xf numFmtId="0" fontId="35" fillId="0" borderId="0" xfId="1" applyFont="1" applyAlignment="1">
      <alignment horizontal="center" vertical="top" textRotation="255"/>
    </xf>
    <xf numFmtId="0" fontId="26" fillId="0" borderId="2" xfId="1" applyFont="1" applyBorder="1" applyAlignment="1">
      <alignment vertical="center" wrapText="1"/>
    </xf>
    <xf numFmtId="0" fontId="10" fillId="0" borderId="0" xfId="1" applyFont="1" applyAlignment="1">
      <alignment vertical="center" textRotation="255"/>
    </xf>
    <xf numFmtId="0" fontId="10" fillId="0" borderId="10" xfId="1" applyFont="1" applyBorder="1" applyAlignment="1">
      <alignment vertical="center" textRotation="255"/>
    </xf>
    <xf numFmtId="0" fontId="16" fillId="0" borderId="38" xfId="3" quotePrefix="1" applyFont="1" applyBorder="1" applyAlignment="1">
      <alignment horizontal="right"/>
    </xf>
    <xf numFmtId="0" fontId="16" fillId="0" borderId="39" xfId="3" quotePrefix="1" applyFont="1" applyBorder="1" applyAlignment="1">
      <alignment horizontal="right"/>
    </xf>
    <xf numFmtId="0" fontId="16" fillId="0" borderId="6" xfId="3" quotePrefix="1" applyFont="1" applyBorder="1" applyAlignment="1">
      <alignment horizontal="right"/>
    </xf>
    <xf numFmtId="0" fontId="16" fillId="0" borderId="5" xfId="3" quotePrefix="1" applyFont="1" applyBorder="1" applyAlignment="1">
      <alignment horizontal="right"/>
    </xf>
    <xf numFmtId="0" fontId="16" fillId="0" borderId="33" xfId="3" quotePrefix="1" applyFont="1" applyBorder="1" applyAlignment="1">
      <alignment horizontal="right"/>
    </xf>
    <xf numFmtId="0" fontId="16" fillId="0" borderId="34" xfId="3" quotePrefix="1" applyFont="1" applyBorder="1" applyAlignment="1">
      <alignment horizontal="right"/>
    </xf>
    <xf numFmtId="0" fontId="16" fillId="0" borderId="35" xfId="3" quotePrefix="1" applyFont="1" applyBorder="1" applyAlignment="1">
      <alignment horizontal="right"/>
    </xf>
    <xf numFmtId="0" fontId="16" fillId="0" borderId="36" xfId="3" quotePrefix="1" applyFont="1" applyBorder="1" applyAlignment="1">
      <alignment horizontal="right"/>
    </xf>
    <xf numFmtId="0" fontId="16" fillId="0" borderId="5" xfId="3" applyFont="1" applyBorder="1" applyAlignment="1">
      <alignment horizontal="right"/>
    </xf>
    <xf numFmtId="0" fontId="47" fillId="0" borderId="0" xfId="3" quotePrefix="1" applyFont="1" applyAlignment="1">
      <alignment horizontal="left"/>
    </xf>
    <xf numFmtId="0" fontId="16" fillId="0" borderId="7" xfId="3" applyFont="1" applyBorder="1" applyAlignment="1">
      <alignment horizontal="center" vertical="center"/>
    </xf>
    <xf numFmtId="0" fontId="16" fillId="0" borderId="22" xfId="3" applyFont="1" applyBorder="1" applyAlignment="1">
      <alignment horizontal="center" vertical="center"/>
    </xf>
    <xf numFmtId="0" fontId="16" fillId="0" borderId="6" xfId="3" applyFont="1" applyBorder="1" applyAlignment="1">
      <alignment horizontal="center" vertical="center"/>
    </xf>
    <xf numFmtId="0" fontId="16" fillId="0" borderId="5" xfId="3" applyFont="1" applyBorder="1" applyAlignment="1">
      <alignment horizontal="center" vertical="center"/>
    </xf>
    <xf numFmtId="0" fontId="16" fillId="0" borderId="12" xfId="3" applyFont="1" applyBorder="1" applyAlignment="1">
      <alignment horizontal="center" vertical="center"/>
    </xf>
    <xf numFmtId="0" fontId="16" fillId="0" borderId="11" xfId="3" applyFont="1" applyBorder="1" applyAlignment="1">
      <alignment horizontal="center" vertical="center"/>
    </xf>
    <xf numFmtId="0" fontId="16" fillId="0" borderId="26" xfId="3" applyFont="1" applyBorder="1" applyAlignment="1">
      <alignment horizontal="center" vertical="center"/>
    </xf>
    <xf numFmtId="0" fontId="16" fillId="0" borderId="9" xfId="3" applyFont="1" applyBorder="1" applyAlignment="1">
      <alignment horizontal="center" vertical="center"/>
    </xf>
    <xf numFmtId="0" fontId="16" fillId="0" borderId="24" xfId="3" applyFont="1" applyBorder="1" applyAlignment="1">
      <alignment horizontal="center" vertical="center"/>
    </xf>
    <xf numFmtId="0" fontId="16" fillId="0" borderId="7" xfId="3" applyFont="1" applyBorder="1" applyAlignment="1">
      <alignment horizontal="center" vertical="center" wrapText="1"/>
    </xf>
    <xf numFmtId="0" fontId="16" fillId="0" borderId="12" xfId="3" applyFont="1" applyBorder="1" applyAlignment="1">
      <alignment horizontal="center" vertical="center" wrapText="1"/>
    </xf>
    <xf numFmtId="0" fontId="16" fillId="0" borderId="17" xfId="3" applyFont="1" applyBorder="1" applyAlignment="1">
      <alignment horizontal="center" vertical="center" wrapText="1"/>
    </xf>
    <xf numFmtId="0" fontId="16" fillId="0" borderId="18" xfId="3" applyFont="1" applyBorder="1" applyAlignment="1">
      <alignment horizontal="center" vertical="center" wrapText="1"/>
    </xf>
    <xf numFmtId="0" fontId="45" fillId="0" borderId="0" xfId="4" applyFont="1" applyAlignment="1">
      <alignment horizontal="left"/>
    </xf>
  </cellXfs>
  <cellStyles count="5">
    <cellStyle name="標準" xfId="0" builtinId="0"/>
    <cellStyle name="標準 2" xfId="1" xr:uid="{0DA6B9D9-96A5-4612-AB9F-81B8A8274F78}"/>
    <cellStyle name="標準 3" xfId="3" xr:uid="{106A3B29-76BB-49AA-B503-F7A1AFC9B955}"/>
    <cellStyle name="標準 4" xfId="4" xr:uid="{7D8D936B-4F6C-46C7-83BA-B47A65128879}"/>
    <cellStyle name="標準_指数詳細" xfId="2" xr:uid="{2B8788F0-8B2B-4D44-8C38-32A3460A48F4}"/>
  </cellStyles>
  <dxfs count="2">
    <dxf>
      <border>
        <bottom style="dotted">
          <color theme="0" tint="-0.499984740745262"/>
        </bottom>
      </border>
    </dxf>
    <dxf>
      <border>
        <bottom style="dotted">
          <color theme="0" tint="-0.499984740745262"/>
        </bottom>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2F908D9-84CF-4261-A5F0-41AE70030429}">
  <sheetPr codeName="Sheet7">
    <tabColor indexed="52"/>
    <pageSetUpPr fitToPage="1"/>
  </sheetPr>
  <dimension ref="A1:BE76"/>
  <sheetViews>
    <sheetView tabSelected="1" view="pageBreakPreview" zoomScaleNormal="80" zoomScaleSheetLayoutView="100" workbookViewId="0">
      <selection activeCell="AJ2" sqref="AJ2"/>
    </sheetView>
  </sheetViews>
  <sheetFormatPr defaultRowHeight="13.5" x14ac:dyDescent="0.15"/>
  <cols>
    <col min="1" max="3" width="1.875" style="28" customWidth="1"/>
    <col min="4" max="4" width="1.875" style="26" customWidth="1"/>
    <col min="5" max="5" width="1.875" style="27" customWidth="1"/>
    <col min="6" max="10" width="1.875" style="28" customWidth="1"/>
    <col min="11" max="13" width="2" style="28" customWidth="1"/>
    <col min="14" max="16" width="2" style="3" customWidth="1"/>
    <col min="17" max="17" width="2.375" style="3" customWidth="1"/>
    <col min="18" max="18" width="2.125" style="3" customWidth="1"/>
    <col min="19" max="19" width="3" style="3" customWidth="1"/>
    <col min="20" max="24" width="1.875" style="3" customWidth="1"/>
    <col min="25" max="27" width="2.125" style="3" customWidth="1"/>
    <col min="28" max="32" width="1.875" style="3" customWidth="1"/>
    <col min="33" max="35" width="2.125" style="3" customWidth="1"/>
    <col min="36" max="36" width="1.875" style="3" customWidth="1"/>
    <col min="37" max="41" width="2.125" style="3" customWidth="1"/>
    <col min="42" max="42" width="1.875" style="3" customWidth="1"/>
    <col min="43" max="46" width="2.125" style="3" customWidth="1"/>
    <col min="47" max="55" width="1.875" style="3" customWidth="1"/>
    <col min="56" max="16384" width="9" style="3"/>
  </cols>
  <sheetData>
    <row r="1" spans="1:51" s="2" customFormat="1" ht="22.5" customHeight="1" x14ac:dyDescent="0.15">
      <c r="A1" s="490" t="s">
        <v>3</v>
      </c>
      <c r="B1" s="490"/>
      <c r="C1" s="490"/>
      <c r="D1" s="490"/>
      <c r="E1" s="490"/>
      <c r="F1" s="490"/>
      <c r="G1" s="490"/>
      <c r="H1" s="490"/>
      <c r="I1" s="490"/>
      <c r="J1" s="490"/>
      <c r="K1" s="1"/>
      <c r="L1" s="1"/>
      <c r="M1" s="1"/>
    </row>
    <row r="2" spans="1:51" ht="30" customHeight="1" x14ac:dyDescent="0.15">
      <c r="A2" s="3"/>
      <c r="B2" s="3"/>
      <c r="C2" s="3"/>
      <c r="D2" s="3"/>
      <c r="E2" s="3"/>
      <c r="F2" s="3"/>
      <c r="G2" s="3"/>
      <c r="H2" s="3"/>
      <c r="I2" s="3"/>
      <c r="J2" s="3"/>
      <c r="K2" s="3"/>
      <c r="L2" s="3"/>
      <c r="M2" s="3"/>
    </row>
    <row r="3" spans="1:51" ht="21.75" customHeight="1" x14ac:dyDescent="0.15">
      <c r="A3" s="491" t="s">
        <v>4</v>
      </c>
      <c r="B3" s="491"/>
      <c r="C3" s="491"/>
      <c r="D3" s="491"/>
      <c r="E3" s="491"/>
      <c r="F3" s="491"/>
      <c r="G3" s="491"/>
      <c r="H3" s="491"/>
      <c r="I3" s="491"/>
      <c r="J3" s="491"/>
      <c r="K3" s="491"/>
      <c r="L3" s="491"/>
      <c r="M3" s="491"/>
      <c r="N3" s="491"/>
      <c r="O3" s="491"/>
      <c r="P3" s="491"/>
      <c r="Q3" s="491"/>
      <c r="R3" s="491"/>
      <c r="S3" s="491"/>
      <c r="T3" s="491"/>
      <c r="U3" s="491"/>
      <c r="V3" s="491"/>
      <c r="W3" s="491"/>
      <c r="X3" s="491"/>
      <c r="Y3" s="491"/>
      <c r="Z3" s="491"/>
      <c r="AA3" s="491"/>
      <c r="AB3" s="491"/>
      <c r="AC3" s="491"/>
      <c r="AD3" s="491"/>
      <c r="AE3" s="491"/>
      <c r="AF3" s="491"/>
      <c r="AG3" s="491"/>
      <c r="AH3" s="491"/>
      <c r="AI3" s="491"/>
      <c r="AJ3" s="491"/>
      <c r="AK3" s="491"/>
      <c r="AL3" s="491"/>
      <c r="AM3" s="491"/>
      <c r="AN3" s="491"/>
      <c r="AO3" s="491"/>
      <c r="AP3" s="491"/>
      <c r="AQ3" s="491"/>
      <c r="AR3" s="491"/>
      <c r="AS3" s="491"/>
      <c r="AT3" s="491"/>
      <c r="AU3" s="4"/>
      <c r="AV3" s="4"/>
      <c r="AW3" s="4"/>
      <c r="AX3" s="4"/>
      <c r="AY3" s="4"/>
    </row>
    <row r="4" spans="1:51" ht="3.75" customHeight="1" thickBot="1" x14ac:dyDescent="0.2">
      <c r="A4" s="5"/>
      <c r="B4" s="5"/>
      <c r="C4" s="5"/>
      <c r="D4" s="5"/>
      <c r="E4" s="5"/>
      <c r="F4" s="5"/>
      <c r="G4" s="5"/>
      <c r="H4" s="5"/>
      <c r="I4" s="5"/>
      <c r="J4" s="5"/>
      <c r="K4" s="5"/>
      <c r="L4" s="5"/>
      <c r="M4" s="5"/>
      <c r="AS4" s="6"/>
      <c r="AT4" s="6"/>
      <c r="AU4" s="7"/>
      <c r="AV4" s="7"/>
      <c r="AW4" s="7"/>
      <c r="AX4" s="7"/>
    </row>
    <row r="5" spans="1:51" ht="11.25" customHeight="1" x14ac:dyDescent="0.15">
      <c r="A5" s="8"/>
      <c r="B5" s="8"/>
      <c r="C5" s="8"/>
      <c r="D5" s="8"/>
      <c r="E5" s="8"/>
      <c r="F5" s="8"/>
      <c r="G5" s="8"/>
      <c r="H5" s="8"/>
      <c r="I5" s="8"/>
      <c r="J5" s="9"/>
      <c r="K5" s="492" t="s">
        <v>5</v>
      </c>
      <c r="L5" s="493"/>
      <c r="M5" s="493"/>
      <c r="N5" s="493"/>
      <c r="O5" s="493"/>
      <c r="P5" s="493"/>
      <c r="Q5" s="493"/>
      <c r="R5" s="493"/>
      <c r="S5" s="493"/>
      <c r="T5" s="10"/>
      <c r="U5" s="10"/>
      <c r="V5" s="10"/>
      <c r="W5" s="10"/>
      <c r="X5" s="10"/>
      <c r="Y5" s="11"/>
      <c r="Z5" s="11"/>
      <c r="AA5" s="11"/>
      <c r="AB5" s="11"/>
      <c r="AC5" s="11"/>
      <c r="AD5" s="11"/>
      <c r="AE5" s="11"/>
      <c r="AF5" s="11"/>
      <c r="AG5" s="11"/>
      <c r="AH5" s="11"/>
      <c r="AI5" s="11"/>
      <c r="AJ5" s="11"/>
      <c r="AK5" s="11"/>
      <c r="AL5" s="11"/>
      <c r="AM5" s="11"/>
      <c r="AN5" s="11"/>
      <c r="AO5" s="11"/>
      <c r="AP5" s="11"/>
      <c r="AQ5" s="11"/>
      <c r="AR5" s="11"/>
      <c r="AS5" s="11"/>
      <c r="AT5" s="11"/>
    </row>
    <row r="6" spans="1:51" ht="11.25" customHeight="1" x14ac:dyDescent="0.15">
      <c r="A6" s="12"/>
      <c r="B6" s="496" t="s">
        <v>0</v>
      </c>
      <c r="C6" s="496"/>
      <c r="D6" s="496"/>
      <c r="E6" s="496"/>
      <c r="F6" s="496"/>
      <c r="G6" s="496"/>
      <c r="H6" s="496"/>
      <c r="I6" s="496"/>
      <c r="J6" s="13"/>
      <c r="K6" s="494"/>
      <c r="L6" s="495"/>
      <c r="M6" s="495"/>
      <c r="N6" s="495"/>
      <c r="O6" s="495"/>
      <c r="P6" s="495"/>
      <c r="Q6" s="495"/>
      <c r="R6" s="495"/>
      <c r="S6" s="495"/>
      <c r="T6" s="497" t="s">
        <v>6</v>
      </c>
      <c r="U6" s="498"/>
      <c r="V6" s="498"/>
      <c r="W6" s="498"/>
      <c r="X6" s="498"/>
      <c r="Y6" s="498"/>
      <c r="Z6" s="498"/>
      <c r="AA6" s="498"/>
      <c r="AB6" s="14"/>
      <c r="AC6" s="14"/>
      <c r="AD6" s="14"/>
      <c r="AE6" s="14"/>
      <c r="AF6" s="14"/>
      <c r="AG6" s="14"/>
      <c r="AH6" s="14"/>
      <c r="AI6" s="14"/>
      <c r="AJ6" s="14"/>
      <c r="AK6" s="14"/>
      <c r="AL6" s="14"/>
      <c r="AM6" s="14"/>
      <c r="AN6" s="14"/>
      <c r="AO6" s="501" t="s">
        <v>7</v>
      </c>
      <c r="AP6" s="502"/>
      <c r="AQ6" s="502"/>
      <c r="AR6" s="502"/>
      <c r="AS6" s="502"/>
      <c r="AT6" s="502"/>
      <c r="AU6" s="15"/>
      <c r="AV6" s="15"/>
    </row>
    <row r="7" spans="1:51" ht="18.75" customHeight="1" x14ac:dyDescent="0.15">
      <c r="A7" s="12"/>
      <c r="B7" s="496"/>
      <c r="C7" s="496"/>
      <c r="D7" s="496"/>
      <c r="E7" s="496"/>
      <c r="F7" s="496"/>
      <c r="G7" s="496"/>
      <c r="H7" s="496"/>
      <c r="I7" s="496"/>
      <c r="J7" s="13"/>
      <c r="K7" s="494"/>
      <c r="L7" s="495"/>
      <c r="M7" s="495"/>
      <c r="N7" s="495"/>
      <c r="O7" s="495"/>
      <c r="P7" s="495"/>
      <c r="Q7" s="495"/>
      <c r="R7" s="495"/>
      <c r="S7" s="495"/>
      <c r="T7" s="499"/>
      <c r="U7" s="500"/>
      <c r="V7" s="500"/>
      <c r="W7" s="500"/>
      <c r="X7" s="500"/>
      <c r="Y7" s="500"/>
      <c r="Z7" s="500"/>
      <c r="AA7" s="500"/>
      <c r="AB7" s="505" t="s">
        <v>8</v>
      </c>
      <c r="AC7" s="506"/>
      <c r="AD7" s="506"/>
      <c r="AE7" s="506"/>
      <c r="AF7" s="506"/>
      <c r="AG7" s="506"/>
      <c r="AH7" s="506"/>
      <c r="AI7" s="506"/>
      <c r="AJ7" s="505" t="s">
        <v>9</v>
      </c>
      <c r="AK7" s="506"/>
      <c r="AL7" s="506"/>
      <c r="AM7" s="506"/>
      <c r="AN7" s="506"/>
      <c r="AO7" s="503"/>
      <c r="AP7" s="504"/>
      <c r="AQ7" s="504"/>
      <c r="AR7" s="504"/>
      <c r="AS7" s="504"/>
      <c r="AT7" s="504"/>
      <c r="AU7" s="15"/>
      <c r="AV7" s="15"/>
    </row>
    <row r="8" spans="1:51" ht="15" customHeight="1" x14ac:dyDescent="0.15">
      <c r="A8" s="16"/>
      <c r="B8" s="16"/>
      <c r="C8" s="16"/>
      <c r="D8" s="16"/>
      <c r="E8" s="16"/>
      <c r="F8" s="16"/>
      <c r="G8" s="16"/>
      <c r="H8" s="16"/>
      <c r="I8" s="16"/>
      <c r="J8" s="17"/>
      <c r="K8" s="18"/>
      <c r="L8" s="16"/>
      <c r="M8" s="16"/>
      <c r="N8" s="16"/>
      <c r="O8" s="16"/>
      <c r="P8" s="507" t="s">
        <v>10</v>
      </c>
      <c r="Q8" s="507"/>
      <c r="R8" s="507"/>
      <c r="S8" s="507"/>
      <c r="T8" s="19"/>
      <c r="U8" s="20"/>
      <c r="V8" s="20"/>
      <c r="W8" s="20"/>
      <c r="X8" s="507" t="s">
        <v>10</v>
      </c>
      <c r="Y8" s="507"/>
      <c r="Z8" s="507"/>
      <c r="AA8" s="507"/>
      <c r="AB8" s="18"/>
      <c r="AC8" s="16"/>
      <c r="AD8" s="16"/>
      <c r="AE8" s="16"/>
      <c r="AF8" s="507" t="s">
        <v>10</v>
      </c>
      <c r="AG8" s="507"/>
      <c r="AH8" s="507"/>
      <c r="AI8" s="507"/>
      <c r="AJ8" s="18"/>
      <c r="AK8" s="16"/>
      <c r="AL8" s="16"/>
      <c r="AM8" s="16"/>
      <c r="AN8" s="21"/>
      <c r="AO8" s="22"/>
      <c r="AP8" s="21"/>
      <c r="AQ8" s="21"/>
      <c r="AR8" s="23"/>
      <c r="AS8" s="23"/>
      <c r="AT8" s="23"/>
      <c r="AU8" s="15"/>
      <c r="AV8" s="24"/>
      <c r="AW8" s="24"/>
      <c r="AX8" s="24"/>
      <c r="AY8" s="24"/>
    </row>
    <row r="9" spans="1:51" ht="6" customHeight="1" x14ac:dyDescent="0.15">
      <c r="A9" s="25"/>
      <c r="B9" s="25"/>
      <c r="C9" s="25"/>
      <c r="K9" s="29"/>
    </row>
    <row r="10" spans="1:51" ht="12.75" customHeight="1" x14ac:dyDescent="0.15">
      <c r="A10" s="25"/>
      <c r="B10" s="25"/>
      <c r="C10" s="30"/>
      <c r="D10" s="31"/>
      <c r="K10" s="29"/>
      <c r="P10" s="32" t="s">
        <v>11</v>
      </c>
      <c r="Q10" s="33"/>
      <c r="R10" s="34"/>
      <c r="S10" s="35" t="s">
        <v>1</v>
      </c>
      <c r="T10" s="34"/>
      <c r="U10" s="34"/>
      <c r="V10" s="34"/>
      <c r="W10" s="34"/>
      <c r="X10" s="36" t="s">
        <v>11</v>
      </c>
      <c r="Y10" s="34"/>
      <c r="Z10" s="34"/>
      <c r="AA10" s="36" t="s">
        <v>1</v>
      </c>
      <c r="AB10" s="34"/>
      <c r="AC10" s="34"/>
      <c r="AD10" s="34"/>
      <c r="AE10" s="34"/>
      <c r="AF10" s="36" t="s">
        <v>11</v>
      </c>
      <c r="AG10" s="34"/>
      <c r="AH10" s="34"/>
      <c r="AI10" s="36" t="s">
        <v>1</v>
      </c>
      <c r="AJ10" s="34"/>
      <c r="AK10" s="34"/>
      <c r="AL10" s="34"/>
      <c r="AN10" s="36" t="s">
        <v>11</v>
      </c>
      <c r="AO10" s="34"/>
      <c r="AP10" s="34"/>
      <c r="AQ10" s="36"/>
      <c r="AR10" s="35"/>
      <c r="AS10" s="36"/>
      <c r="AT10" s="36" t="s">
        <v>11</v>
      </c>
      <c r="AV10" s="34"/>
      <c r="AW10" s="34"/>
      <c r="AX10" s="34"/>
      <c r="AY10" s="36"/>
    </row>
    <row r="11" spans="1:51" ht="18.75" customHeight="1" x14ac:dyDescent="0.15">
      <c r="A11" s="37"/>
      <c r="B11" s="508" t="s">
        <v>12</v>
      </c>
      <c r="C11" s="508"/>
      <c r="D11" s="508"/>
      <c r="E11" s="508"/>
      <c r="F11" s="508"/>
      <c r="G11" s="508"/>
      <c r="H11" s="508"/>
      <c r="I11" s="508"/>
      <c r="J11" s="38"/>
      <c r="K11" s="509">
        <v>302398</v>
      </c>
      <c r="L11" s="510"/>
      <c r="M11" s="510"/>
      <c r="N11" s="510"/>
      <c r="O11" s="510"/>
      <c r="P11" s="510"/>
      <c r="Q11" s="511">
        <v>5</v>
      </c>
      <c r="R11" s="511"/>
      <c r="S11" s="511"/>
      <c r="T11" s="512">
        <v>292302</v>
      </c>
      <c r="U11" s="512"/>
      <c r="V11" s="512"/>
      <c r="W11" s="512"/>
      <c r="X11" s="512"/>
      <c r="Y11" s="511">
        <v>3.7</v>
      </c>
      <c r="Z11" s="511"/>
      <c r="AA11" s="511"/>
      <c r="AB11" s="513">
        <v>273773</v>
      </c>
      <c r="AC11" s="513"/>
      <c r="AD11" s="513"/>
      <c r="AE11" s="513"/>
      <c r="AF11" s="513"/>
      <c r="AG11" s="511">
        <v>4.0999999999999996</v>
      </c>
      <c r="AH11" s="511"/>
      <c r="AI11" s="511"/>
      <c r="AJ11" s="512">
        <v>18529</v>
      </c>
      <c r="AK11" s="512"/>
      <c r="AL11" s="512"/>
      <c r="AM11" s="512"/>
      <c r="AN11" s="512"/>
      <c r="AO11" s="510">
        <v>10096</v>
      </c>
      <c r="AP11" s="510"/>
      <c r="AQ11" s="510"/>
      <c r="AR11" s="510"/>
      <c r="AS11" s="510"/>
      <c r="AT11" s="510"/>
      <c r="AX11" s="39"/>
      <c r="AY11" s="39"/>
    </row>
    <row r="12" spans="1:51" ht="6" customHeight="1" x14ac:dyDescent="0.15">
      <c r="B12" s="40"/>
      <c r="C12" s="41"/>
      <c r="D12" s="31"/>
      <c r="K12" s="42"/>
      <c r="L12" s="43"/>
      <c r="M12" s="43"/>
      <c r="N12" s="43"/>
      <c r="O12" s="43"/>
      <c r="P12" s="43"/>
      <c r="Q12" s="44"/>
      <c r="R12" s="44"/>
      <c r="S12" s="44"/>
      <c r="T12" s="45"/>
      <c r="U12" s="45"/>
      <c r="V12" s="45"/>
      <c r="W12" s="45"/>
      <c r="X12" s="45"/>
      <c r="Y12" s="44"/>
      <c r="Z12" s="44"/>
      <c r="AA12" s="44"/>
      <c r="AB12" s="46"/>
      <c r="AC12" s="46"/>
      <c r="AD12" s="46"/>
      <c r="AE12" s="46"/>
      <c r="AF12" s="46"/>
      <c r="AG12" s="44"/>
      <c r="AH12" s="44"/>
      <c r="AI12" s="44"/>
      <c r="AJ12" s="45"/>
      <c r="AK12" s="45"/>
      <c r="AL12" s="45"/>
      <c r="AM12" s="45"/>
      <c r="AN12" s="45"/>
      <c r="AO12" s="43"/>
      <c r="AP12" s="43"/>
      <c r="AQ12" s="43"/>
      <c r="AR12" s="43"/>
      <c r="AS12" s="47"/>
      <c r="AT12" s="47"/>
      <c r="AX12" s="48"/>
    </row>
    <row r="13" spans="1:51" ht="18.75" customHeight="1" x14ac:dyDescent="0.15">
      <c r="B13" s="514" t="s">
        <v>13</v>
      </c>
      <c r="C13" s="514"/>
      <c r="D13" s="514"/>
      <c r="E13" s="514"/>
      <c r="F13" s="514"/>
      <c r="G13" s="514"/>
      <c r="H13" s="514"/>
      <c r="I13" s="514"/>
      <c r="J13" s="40"/>
      <c r="K13" s="515">
        <v>342770</v>
      </c>
      <c r="L13" s="516"/>
      <c r="M13" s="516"/>
      <c r="N13" s="516"/>
      <c r="O13" s="516"/>
      <c r="P13" s="516"/>
      <c r="Q13" s="517">
        <v>2.8</v>
      </c>
      <c r="R13" s="517"/>
      <c r="S13" s="517"/>
      <c r="T13" s="518">
        <v>332751</v>
      </c>
      <c r="U13" s="518"/>
      <c r="V13" s="518"/>
      <c r="W13" s="518"/>
      <c r="X13" s="518"/>
      <c r="Y13" s="517">
        <v>1.9</v>
      </c>
      <c r="Z13" s="517"/>
      <c r="AA13" s="517"/>
      <c r="AB13" s="519">
        <v>309841</v>
      </c>
      <c r="AC13" s="519"/>
      <c r="AD13" s="519"/>
      <c r="AE13" s="519"/>
      <c r="AF13" s="519"/>
      <c r="AG13" s="517">
        <v>2.2999999999999998</v>
      </c>
      <c r="AH13" s="517"/>
      <c r="AI13" s="517"/>
      <c r="AJ13" s="518">
        <v>22910</v>
      </c>
      <c r="AK13" s="518"/>
      <c r="AL13" s="518"/>
      <c r="AM13" s="518"/>
      <c r="AN13" s="518"/>
      <c r="AO13" s="516">
        <v>10019</v>
      </c>
      <c r="AP13" s="516"/>
      <c r="AQ13" s="516"/>
      <c r="AR13" s="516"/>
      <c r="AS13" s="516"/>
      <c r="AT13" s="516"/>
      <c r="AX13" s="39"/>
      <c r="AY13" s="39"/>
    </row>
    <row r="14" spans="1:51" ht="6" customHeight="1" x14ac:dyDescent="0.15">
      <c r="A14" s="40"/>
      <c r="B14" s="40"/>
      <c r="C14" s="41"/>
      <c r="D14" s="31"/>
      <c r="K14" s="42"/>
      <c r="L14" s="43"/>
      <c r="M14" s="43"/>
      <c r="N14" s="43"/>
      <c r="O14" s="43"/>
      <c r="P14" s="43"/>
      <c r="Q14" s="44"/>
      <c r="R14" s="44"/>
      <c r="S14" s="44"/>
      <c r="T14" s="45"/>
      <c r="U14" s="45"/>
      <c r="V14" s="45"/>
      <c r="W14" s="45"/>
      <c r="X14" s="45"/>
      <c r="Y14" s="44"/>
      <c r="Z14" s="44"/>
      <c r="AA14" s="44"/>
      <c r="AB14" s="46"/>
      <c r="AC14" s="46"/>
      <c r="AD14" s="46"/>
      <c r="AE14" s="46"/>
      <c r="AF14" s="46"/>
      <c r="AG14" s="44"/>
      <c r="AH14" s="44"/>
      <c r="AI14" s="44"/>
      <c r="AJ14" s="45"/>
      <c r="AK14" s="45"/>
      <c r="AL14" s="45"/>
      <c r="AM14" s="45"/>
      <c r="AN14" s="45"/>
      <c r="AO14" s="43"/>
      <c r="AP14" s="43"/>
      <c r="AQ14" s="43"/>
      <c r="AR14" s="43"/>
      <c r="AS14" s="49"/>
      <c r="AT14" s="49"/>
      <c r="AX14" s="50"/>
    </row>
    <row r="15" spans="1:51" ht="6" customHeight="1" x14ac:dyDescent="0.15">
      <c r="A15" s="51"/>
      <c r="B15" s="51"/>
      <c r="C15" s="52"/>
      <c r="D15" s="53"/>
      <c r="E15" s="54"/>
      <c r="F15" s="55"/>
      <c r="G15" s="55"/>
      <c r="H15" s="55"/>
      <c r="I15" s="55"/>
      <c r="J15" s="55"/>
      <c r="K15" s="56"/>
      <c r="L15" s="57"/>
      <c r="M15" s="57"/>
      <c r="N15" s="57"/>
      <c r="O15" s="57"/>
      <c r="P15" s="57"/>
      <c r="Q15" s="58"/>
      <c r="R15" s="58"/>
      <c r="S15" s="58"/>
      <c r="T15" s="59"/>
      <c r="U15" s="59"/>
      <c r="V15" s="59"/>
      <c r="W15" s="59"/>
      <c r="X15" s="59"/>
      <c r="Y15" s="58"/>
      <c r="Z15" s="58"/>
      <c r="AA15" s="58"/>
      <c r="AB15" s="60"/>
      <c r="AC15" s="60"/>
      <c r="AD15" s="60"/>
      <c r="AE15" s="60"/>
      <c r="AF15" s="60"/>
      <c r="AG15" s="58"/>
      <c r="AH15" s="58"/>
      <c r="AI15" s="58"/>
      <c r="AJ15" s="59"/>
      <c r="AK15" s="59"/>
      <c r="AL15" s="59"/>
      <c r="AM15" s="59"/>
      <c r="AN15" s="59"/>
      <c r="AO15" s="57"/>
      <c r="AP15" s="57"/>
      <c r="AQ15" s="57"/>
      <c r="AR15" s="57"/>
      <c r="AS15" s="61"/>
      <c r="AT15" s="62"/>
      <c r="AX15" s="48"/>
    </row>
    <row r="16" spans="1:51" ht="18.75" customHeight="1" x14ac:dyDescent="0.15">
      <c r="A16" s="37"/>
      <c r="B16" s="508" t="s">
        <v>14</v>
      </c>
      <c r="C16" s="508"/>
      <c r="D16" s="508"/>
      <c r="E16" s="508"/>
      <c r="F16" s="508"/>
      <c r="G16" s="508"/>
      <c r="H16" s="508"/>
      <c r="I16" s="508"/>
      <c r="J16" s="38"/>
      <c r="K16" s="509">
        <v>443708</v>
      </c>
      <c r="L16" s="510"/>
      <c r="M16" s="510"/>
      <c r="N16" s="510"/>
      <c r="O16" s="510"/>
      <c r="P16" s="510"/>
      <c r="Q16" s="511">
        <v>0.9</v>
      </c>
      <c r="R16" s="511"/>
      <c r="S16" s="511"/>
      <c r="T16" s="512">
        <v>425623</v>
      </c>
      <c r="U16" s="512"/>
      <c r="V16" s="512"/>
      <c r="W16" s="512"/>
      <c r="X16" s="512"/>
      <c r="Y16" s="511">
        <v>1.6</v>
      </c>
      <c r="Z16" s="511"/>
      <c r="AA16" s="511"/>
      <c r="AB16" s="513">
        <v>389314</v>
      </c>
      <c r="AC16" s="513"/>
      <c r="AD16" s="513"/>
      <c r="AE16" s="513"/>
      <c r="AF16" s="513"/>
      <c r="AG16" s="511">
        <v>1.8</v>
      </c>
      <c r="AH16" s="511"/>
      <c r="AI16" s="511"/>
      <c r="AJ16" s="512">
        <v>36309</v>
      </c>
      <c r="AK16" s="512"/>
      <c r="AL16" s="512"/>
      <c r="AM16" s="512"/>
      <c r="AN16" s="512"/>
      <c r="AO16" s="510">
        <v>18085</v>
      </c>
      <c r="AP16" s="510"/>
      <c r="AQ16" s="510"/>
      <c r="AR16" s="510"/>
      <c r="AS16" s="510"/>
      <c r="AT16" s="510"/>
      <c r="AX16" s="39"/>
      <c r="AY16" s="39"/>
    </row>
    <row r="17" spans="1:51" ht="6" customHeight="1" x14ac:dyDescent="0.15">
      <c r="B17" s="40"/>
      <c r="C17" s="41"/>
      <c r="D17" s="31"/>
      <c r="K17" s="42"/>
      <c r="L17" s="43"/>
      <c r="M17" s="43"/>
      <c r="N17" s="43"/>
      <c r="O17" s="43"/>
      <c r="P17" s="43"/>
      <c r="Q17" s="44"/>
      <c r="R17" s="44"/>
      <c r="S17" s="44"/>
      <c r="T17" s="45"/>
      <c r="U17" s="45"/>
      <c r="V17" s="45"/>
      <c r="W17" s="45"/>
      <c r="X17" s="45"/>
      <c r="Y17" s="44"/>
      <c r="Z17" s="44"/>
      <c r="AA17" s="44"/>
      <c r="AB17" s="46"/>
      <c r="AC17" s="46"/>
      <c r="AD17" s="46"/>
      <c r="AE17" s="46"/>
      <c r="AF17" s="46"/>
      <c r="AG17" s="44"/>
      <c r="AH17" s="44"/>
      <c r="AI17" s="44"/>
      <c r="AJ17" s="45"/>
      <c r="AK17" s="45"/>
      <c r="AL17" s="45"/>
      <c r="AM17" s="45"/>
      <c r="AN17" s="45"/>
      <c r="AO17" s="43"/>
      <c r="AP17" s="43"/>
      <c r="AQ17" s="43"/>
      <c r="AR17" s="43"/>
      <c r="AS17" s="47"/>
      <c r="AT17" s="63"/>
      <c r="AX17" s="48"/>
    </row>
    <row r="18" spans="1:51" ht="18.75" customHeight="1" x14ac:dyDescent="0.15">
      <c r="B18" s="514" t="s">
        <v>15</v>
      </c>
      <c r="C18" s="514"/>
      <c r="D18" s="514"/>
      <c r="E18" s="514"/>
      <c r="F18" s="514"/>
      <c r="G18" s="514"/>
      <c r="H18" s="514"/>
      <c r="I18" s="514"/>
      <c r="J18" s="40"/>
      <c r="K18" s="515">
        <v>327567</v>
      </c>
      <c r="L18" s="516"/>
      <c r="M18" s="516"/>
      <c r="N18" s="516"/>
      <c r="O18" s="516"/>
      <c r="P18" s="516"/>
      <c r="Q18" s="517">
        <v>3.5</v>
      </c>
      <c r="R18" s="517"/>
      <c r="S18" s="517"/>
      <c r="T18" s="518">
        <v>316181</v>
      </c>
      <c r="U18" s="518"/>
      <c r="V18" s="518"/>
      <c r="W18" s="518"/>
      <c r="X18" s="518"/>
      <c r="Y18" s="517">
        <v>0.9</v>
      </c>
      <c r="Z18" s="517"/>
      <c r="AA18" s="517"/>
      <c r="AB18" s="519">
        <v>293021</v>
      </c>
      <c r="AC18" s="519"/>
      <c r="AD18" s="519"/>
      <c r="AE18" s="519"/>
      <c r="AF18" s="519"/>
      <c r="AG18" s="517">
        <v>1.4</v>
      </c>
      <c r="AH18" s="517"/>
      <c r="AI18" s="517"/>
      <c r="AJ18" s="518">
        <v>23160</v>
      </c>
      <c r="AK18" s="518"/>
      <c r="AL18" s="518"/>
      <c r="AM18" s="518"/>
      <c r="AN18" s="518"/>
      <c r="AO18" s="516">
        <v>11386</v>
      </c>
      <c r="AP18" s="516"/>
      <c r="AQ18" s="516"/>
      <c r="AR18" s="516"/>
      <c r="AS18" s="516"/>
      <c r="AT18" s="516"/>
      <c r="AX18" s="39"/>
      <c r="AY18" s="39"/>
    </row>
    <row r="19" spans="1:51" ht="6" customHeight="1" x14ac:dyDescent="0.15">
      <c r="B19" s="40"/>
      <c r="C19" s="41"/>
      <c r="D19" s="31"/>
      <c r="K19" s="42"/>
      <c r="L19" s="43"/>
      <c r="M19" s="43"/>
      <c r="N19" s="43"/>
      <c r="O19" s="43"/>
      <c r="P19" s="43"/>
      <c r="Q19" s="44"/>
      <c r="R19" s="44"/>
      <c r="S19" s="44"/>
      <c r="T19" s="45"/>
      <c r="U19" s="45"/>
      <c r="V19" s="45"/>
      <c r="W19" s="45"/>
      <c r="X19" s="45"/>
      <c r="Y19" s="44"/>
      <c r="Z19" s="44"/>
      <c r="AA19" s="44"/>
      <c r="AB19" s="46"/>
      <c r="AC19" s="46"/>
      <c r="AD19" s="46"/>
      <c r="AE19" s="46"/>
      <c r="AF19" s="46"/>
      <c r="AG19" s="44"/>
      <c r="AH19" s="44"/>
      <c r="AI19" s="44"/>
      <c r="AJ19" s="45"/>
      <c r="AK19" s="45"/>
      <c r="AL19" s="45"/>
      <c r="AM19" s="45"/>
      <c r="AN19" s="45"/>
      <c r="AO19" s="43"/>
      <c r="AP19" s="43"/>
      <c r="AQ19" s="43"/>
      <c r="AR19" s="43"/>
      <c r="AS19" s="47"/>
      <c r="AT19" s="63"/>
      <c r="AX19" s="48"/>
    </row>
    <row r="20" spans="1:51" ht="18.75" customHeight="1" x14ac:dyDescent="0.15">
      <c r="A20" s="37"/>
      <c r="B20" s="508" t="s">
        <v>16</v>
      </c>
      <c r="C20" s="508"/>
      <c r="D20" s="508"/>
      <c r="E20" s="508"/>
      <c r="F20" s="508"/>
      <c r="G20" s="508"/>
      <c r="H20" s="508"/>
      <c r="I20" s="508"/>
      <c r="J20" s="38"/>
      <c r="K20" s="509">
        <v>297488</v>
      </c>
      <c r="L20" s="510"/>
      <c r="M20" s="510"/>
      <c r="N20" s="510"/>
      <c r="O20" s="510"/>
      <c r="P20" s="510"/>
      <c r="Q20" s="511">
        <v>3.4</v>
      </c>
      <c r="R20" s="511"/>
      <c r="S20" s="511"/>
      <c r="T20" s="512">
        <v>293192</v>
      </c>
      <c r="U20" s="512"/>
      <c r="V20" s="512"/>
      <c r="W20" s="512"/>
      <c r="X20" s="512"/>
      <c r="Y20" s="511">
        <v>2.7</v>
      </c>
      <c r="Z20" s="511"/>
      <c r="AA20" s="511"/>
      <c r="AB20" s="513">
        <v>278140</v>
      </c>
      <c r="AC20" s="513"/>
      <c r="AD20" s="513"/>
      <c r="AE20" s="513"/>
      <c r="AF20" s="513"/>
      <c r="AG20" s="511">
        <v>3</v>
      </c>
      <c r="AH20" s="511"/>
      <c r="AI20" s="511"/>
      <c r="AJ20" s="512">
        <v>15052</v>
      </c>
      <c r="AK20" s="512"/>
      <c r="AL20" s="512"/>
      <c r="AM20" s="512"/>
      <c r="AN20" s="512"/>
      <c r="AO20" s="510">
        <v>4296</v>
      </c>
      <c r="AP20" s="510"/>
      <c r="AQ20" s="510"/>
      <c r="AR20" s="510"/>
      <c r="AS20" s="510"/>
      <c r="AT20" s="510"/>
      <c r="AX20" s="39"/>
      <c r="AY20" s="39"/>
    </row>
    <row r="21" spans="1:51" ht="6" customHeight="1" x14ac:dyDescent="0.15">
      <c r="B21" s="40"/>
      <c r="C21" s="41"/>
      <c r="D21" s="31"/>
      <c r="K21" s="42"/>
      <c r="L21" s="43"/>
      <c r="M21" s="43"/>
      <c r="N21" s="43"/>
      <c r="O21" s="43"/>
      <c r="P21" s="43"/>
      <c r="Q21" s="44"/>
      <c r="R21" s="44"/>
      <c r="S21" s="44"/>
      <c r="T21" s="45"/>
      <c r="U21" s="45"/>
      <c r="V21" s="45"/>
      <c r="W21" s="45"/>
      <c r="X21" s="45"/>
      <c r="Y21" s="44"/>
      <c r="Z21" s="44"/>
      <c r="AA21" s="44"/>
      <c r="AB21" s="46"/>
      <c r="AC21" s="46"/>
      <c r="AD21" s="46"/>
      <c r="AE21" s="46"/>
      <c r="AF21" s="46"/>
      <c r="AG21" s="44"/>
      <c r="AH21" s="44"/>
      <c r="AI21" s="44"/>
      <c r="AJ21" s="45"/>
      <c r="AK21" s="45"/>
      <c r="AL21" s="45"/>
      <c r="AM21" s="45"/>
      <c r="AN21" s="45"/>
      <c r="AO21" s="43"/>
      <c r="AP21" s="43"/>
      <c r="AQ21" s="43"/>
      <c r="AR21" s="43"/>
      <c r="AS21" s="47"/>
      <c r="AT21" s="63"/>
      <c r="AX21" s="48"/>
    </row>
    <row r="22" spans="1:51" ht="18.75" customHeight="1" x14ac:dyDescent="0.15">
      <c r="B22" s="514" t="s">
        <v>17</v>
      </c>
      <c r="C22" s="514"/>
      <c r="D22" s="514"/>
      <c r="E22" s="514"/>
      <c r="F22" s="514"/>
      <c r="G22" s="514"/>
      <c r="H22" s="514"/>
      <c r="I22" s="514"/>
      <c r="J22" s="40"/>
      <c r="K22" s="515">
        <v>238911</v>
      </c>
      <c r="L22" s="516"/>
      <c r="M22" s="516"/>
      <c r="N22" s="516"/>
      <c r="O22" s="516"/>
      <c r="P22" s="516"/>
      <c r="Q22" s="517">
        <v>11.6</v>
      </c>
      <c r="R22" s="517"/>
      <c r="S22" s="517"/>
      <c r="T22" s="518">
        <v>228694</v>
      </c>
      <c r="U22" s="518"/>
      <c r="V22" s="518"/>
      <c r="W22" s="518"/>
      <c r="X22" s="518"/>
      <c r="Y22" s="517">
        <v>8.9</v>
      </c>
      <c r="Z22" s="517"/>
      <c r="AA22" s="517"/>
      <c r="AB22" s="519">
        <v>217055</v>
      </c>
      <c r="AC22" s="519"/>
      <c r="AD22" s="519"/>
      <c r="AE22" s="519"/>
      <c r="AF22" s="519"/>
      <c r="AG22" s="517">
        <v>9.6999999999999993</v>
      </c>
      <c r="AH22" s="517"/>
      <c r="AI22" s="517"/>
      <c r="AJ22" s="518">
        <v>11639</v>
      </c>
      <c r="AK22" s="518"/>
      <c r="AL22" s="518"/>
      <c r="AM22" s="518"/>
      <c r="AN22" s="518"/>
      <c r="AO22" s="516">
        <v>10217</v>
      </c>
      <c r="AP22" s="516"/>
      <c r="AQ22" s="516"/>
      <c r="AR22" s="516"/>
      <c r="AS22" s="516"/>
      <c r="AT22" s="516"/>
      <c r="AX22" s="39"/>
      <c r="AY22" s="39"/>
    </row>
    <row r="23" spans="1:51" ht="6" customHeight="1" thickBot="1" x14ac:dyDescent="0.2">
      <c r="A23" s="64"/>
      <c r="B23" s="64"/>
      <c r="C23" s="65"/>
      <c r="D23" s="66"/>
      <c r="E23" s="67"/>
      <c r="F23" s="68"/>
      <c r="G23" s="68"/>
      <c r="H23" s="68"/>
      <c r="I23" s="68"/>
      <c r="J23" s="69"/>
      <c r="K23" s="68"/>
      <c r="L23" s="68"/>
      <c r="M23" s="68"/>
      <c r="N23" s="70"/>
      <c r="O23" s="70"/>
      <c r="P23" s="70"/>
      <c r="Q23" s="71"/>
      <c r="R23" s="70"/>
      <c r="S23" s="70"/>
      <c r="T23" s="70"/>
      <c r="U23" s="70"/>
      <c r="V23" s="70"/>
      <c r="W23" s="70"/>
      <c r="X23" s="70"/>
      <c r="Y23" s="70"/>
      <c r="Z23" s="70"/>
      <c r="AA23" s="70"/>
      <c r="AB23" s="70"/>
      <c r="AC23" s="70"/>
      <c r="AD23" s="70"/>
      <c r="AE23" s="70"/>
      <c r="AF23" s="70"/>
      <c r="AG23" s="70"/>
      <c r="AH23" s="70"/>
      <c r="AI23" s="70"/>
      <c r="AJ23" s="70"/>
      <c r="AK23" s="70"/>
      <c r="AL23" s="70"/>
      <c r="AM23" s="70"/>
      <c r="AN23" s="70"/>
      <c r="AO23" s="70"/>
      <c r="AP23" s="70"/>
      <c r="AQ23" s="72"/>
      <c r="AR23" s="73"/>
      <c r="AS23" s="74"/>
      <c r="AT23" s="75"/>
      <c r="AU23" s="25"/>
      <c r="AV23" s="25"/>
      <c r="AW23" s="25"/>
      <c r="AX23" s="25"/>
    </row>
    <row r="24" spans="1:51" ht="37.5" customHeight="1" thickBot="1" x14ac:dyDescent="0.2">
      <c r="A24" s="76"/>
      <c r="B24" s="76"/>
      <c r="C24" s="77"/>
      <c r="D24" s="31"/>
      <c r="Q24" s="78"/>
      <c r="AQ24" s="79"/>
      <c r="AR24" s="79"/>
      <c r="AS24" s="12"/>
      <c r="AT24" s="12"/>
      <c r="AU24" s="80"/>
      <c r="AV24" s="80"/>
      <c r="AW24" s="80"/>
      <c r="AX24" s="80"/>
    </row>
    <row r="25" spans="1:51" ht="11.25" customHeight="1" x14ac:dyDescent="0.15">
      <c r="A25" s="8"/>
      <c r="B25" s="8"/>
      <c r="C25" s="8"/>
      <c r="D25" s="8"/>
      <c r="E25" s="8"/>
      <c r="F25" s="8"/>
      <c r="G25" s="8"/>
      <c r="H25" s="8"/>
      <c r="I25" s="8"/>
      <c r="J25" s="9"/>
      <c r="K25" s="493" t="s">
        <v>18</v>
      </c>
      <c r="L25" s="493"/>
      <c r="M25" s="493"/>
      <c r="N25" s="493"/>
      <c r="O25" s="493"/>
      <c r="P25" s="520"/>
      <c r="Q25" s="492" t="s">
        <v>19</v>
      </c>
      <c r="R25" s="493"/>
      <c r="S25" s="493"/>
      <c r="T25" s="493"/>
      <c r="U25" s="493"/>
      <c r="V25" s="493"/>
      <c r="W25" s="493"/>
      <c r="X25" s="493"/>
      <c r="Y25" s="493"/>
      <c r="Z25" s="493"/>
      <c r="AA25" s="81"/>
      <c r="AB25" s="11"/>
      <c r="AC25" s="82"/>
      <c r="AD25" s="82"/>
      <c r="AE25" s="82"/>
      <c r="AF25" s="82"/>
      <c r="AG25" s="82"/>
      <c r="AH25" s="82"/>
      <c r="AI25" s="82"/>
      <c r="AJ25" s="82"/>
      <c r="AK25" s="11"/>
      <c r="AL25" s="11"/>
      <c r="AM25" s="11"/>
      <c r="AN25" s="11"/>
      <c r="AO25" s="11"/>
      <c r="AP25" s="11"/>
      <c r="AQ25" s="11"/>
      <c r="AR25" s="11"/>
      <c r="AS25" s="11"/>
      <c r="AT25" s="11"/>
    </row>
    <row r="26" spans="1:51" ht="18.75" customHeight="1" x14ac:dyDescent="0.15">
      <c r="A26" s="12"/>
      <c r="B26" s="496" t="s">
        <v>0</v>
      </c>
      <c r="C26" s="496"/>
      <c r="D26" s="496"/>
      <c r="E26" s="496"/>
      <c r="F26" s="496"/>
      <c r="G26" s="496"/>
      <c r="H26" s="496"/>
      <c r="I26" s="496"/>
      <c r="J26" s="13"/>
      <c r="K26" s="495"/>
      <c r="L26" s="495"/>
      <c r="M26" s="495"/>
      <c r="N26" s="495"/>
      <c r="O26" s="495"/>
      <c r="P26" s="521"/>
      <c r="Q26" s="494"/>
      <c r="R26" s="495"/>
      <c r="S26" s="495"/>
      <c r="T26" s="495"/>
      <c r="U26" s="495"/>
      <c r="V26" s="495"/>
      <c r="W26" s="495"/>
      <c r="X26" s="495"/>
      <c r="Y26" s="495"/>
      <c r="Z26" s="521"/>
      <c r="AA26" s="524" t="s">
        <v>20</v>
      </c>
      <c r="AB26" s="524"/>
      <c r="AC26" s="524"/>
      <c r="AD26" s="524"/>
      <c r="AE26" s="524"/>
      <c r="AF26" s="524"/>
      <c r="AG26" s="524"/>
      <c r="AH26" s="524"/>
      <c r="AI26" s="524"/>
      <c r="AJ26" s="524"/>
      <c r="AK26" s="524" t="s">
        <v>21</v>
      </c>
      <c r="AL26" s="524"/>
      <c r="AM26" s="524"/>
      <c r="AN26" s="524"/>
      <c r="AO26" s="524"/>
      <c r="AP26" s="524"/>
      <c r="AQ26" s="524"/>
      <c r="AR26" s="524"/>
      <c r="AS26" s="524"/>
      <c r="AT26" s="505"/>
    </row>
    <row r="27" spans="1:51" ht="15" customHeight="1" x14ac:dyDescent="0.15">
      <c r="A27" s="16"/>
      <c r="B27" s="16"/>
      <c r="C27" s="16"/>
      <c r="D27" s="16"/>
      <c r="E27" s="16"/>
      <c r="F27" s="16"/>
      <c r="G27" s="16"/>
      <c r="H27" s="16"/>
      <c r="I27" s="16"/>
      <c r="J27" s="17"/>
      <c r="K27" s="522"/>
      <c r="L27" s="522"/>
      <c r="M27" s="522"/>
      <c r="N27" s="522"/>
      <c r="O27" s="522"/>
      <c r="P27" s="523"/>
      <c r="Q27" s="22"/>
      <c r="R27" s="21"/>
      <c r="S27" s="21"/>
      <c r="T27" s="83"/>
      <c r="U27" s="20"/>
      <c r="V27" s="507" t="s">
        <v>10</v>
      </c>
      <c r="W27" s="507"/>
      <c r="X27" s="507"/>
      <c r="Y27" s="507"/>
      <c r="Z27" s="525"/>
      <c r="AA27" s="84"/>
      <c r="AB27" s="83"/>
      <c r="AC27" s="83"/>
      <c r="AD27" s="16"/>
      <c r="AE27" s="16"/>
      <c r="AF27" s="507" t="s">
        <v>10</v>
      </c>
      <c r="AG27" s="507"/>
      <c r="AH27" s="507"/>
      <c r="AI27" s="507"/>
      <c r="AJ27" s="507"/>
      <c r="AK27" s="84"/>
      <c r="AL27" s="83"/>
      <c r="AM27" s="16"/>
      <c r="AN27" s="16"/>
      <c r="AO27" s="16"/>
      <c r="AP27" s="525" t="s">
        <v>10</v>
      </c>
      <c r="AQ27" s="526"/>
      <c r="AR27" s="526"/>
      <c r="AS27" s="526"/>
      <c r="AT27" s="527"/>
    </row>
    <row r="28" spans="1:51" ht="6" customHeight="1" x14ac:dyDescent="0.15">
      <c r="A28" s="25"/>
      <c r="B28" s="25"/>
      <c r="C28" s="25"/>
      <c r="J28" s="85"/>
      <c r="K28" s="12"/>
      <c r="L28" s="12"/>
      <c r="M28" s="12"/>
      <c r="N28" s="12"/>
      <c r="O28" s="24"/>
      <c r="P28" s="24"/>
      <c r="Q28" s="24"/>
      <c r="R28" s="24"/>
      <c r="U28" s="86"/>
      <c r="V28" s="86"/>
      <c r="W28" s="86"/>
      <c r="X28" s="24"/>
      <c r="Y28" s="24"/>
      <c r="Z28" s="24"/>
      <c r="AA28" s="24"/>
      <c r="AD28" s="12"/>
      <c r="AE28" s="12"/>
      <c r="AF28" s="12"/>
      <c r="AG28" s="24"/>
      <c r="AH28" s="24"/>
      <c r="AI28" s="24"/>
      <c r="AJ28" s="24"/>
      <c r="AM28" s="12"/>
      <c r="AN28" s="12"/>
      <c r="AO28" s="12"/>
      <c r="AP28" s="24"/>
      <c r="AQ28" s="24"/>
      <c r="AR28" s="24"/>
      <c r="AS28" s="24"/>
    </row>
    <row r="29" spans="1:51" s="88" customFormat="1" ht="12.75" customHeight="1" x14ac:dyDescent="0.15">
      <c r="A29" s="25"/>
      <c r="B29" s="25"/>
      <c r="C29" s="30"/>
      <c r="D29" s="31"/>
      <c r="E29" s="27"/>
      <c r="F29" s="28"/>
      <c r="G29" s="28"/>
      <c r="H29" s="28"/>
      <c r="I29" s="28"/>
      <c r="J29" s="85"/>
      <c r="K29" s="36"/>
      <c r="L29" s="36"/>
      <c r="M29" s="36"/>
      <c r="N29" s="87"/>
      <c r="P29" s="87" t="s">
        <v>22</v>
      </c>
      <c r="Q29" s="24"/>
      <c r="S29" s="87"/>
      <c r="T29" s="528" t="s">
        <v>23</v>
      </c>
      <c r="U29" s="528"/>
      <c r="V29" s="87"/>
      <c r="Y29" s="87"/>
      <c r="Z29" s="36" t="s">
        <v>1</v>
      </c>
      <c r="AA29" s="87"/>
      <c r="AB29" s="87"/>
      <c r="AC29" s="87"/>
      <c r="AD29" s="528" t="s">
        <v>23</v>
      </c>
      <c r="AE29" s="528"/>
      <c r="AG29" s="87"/>
      <c r="AH29" s="87"/>
      <c r="AJ29" s="36" t="s">
        <v>1</v>
      </c>
      <c r="AK29" s="87"/>
      <c r="AL29" s="87"/>
      <c r="AM29" s="87"/>
      <c r="AN29" s="528" t="s">
        <v>23</v>
      </c>
      <c r="AO29" s="528"/>
      <c r="AQ29" s="87"/>
      <c r="AR29" s="87"/>
      <c r="AT29" s="36" t="s">
        <v>1</v>
      </c>
    </row>
    <row r="30" spans="1:51" ht="18.75" customHeight="1" x14ac:dyDescent="0.15">
      <c r="A30" s="37"/>
      <c r="B30" s="508" t="s">
        <v>12</v>
      </c>
      <c r="C30" s="508"/>
      <c r="D30" s="508"/>
      <c r="E30" s="508"/>
      <c r="F30" s="508"/>
      <c r="G30" s="508"/>
      <c r="H30" s="508"/>
      <c r="I30" s="508"/>
      <c r="J30" s="89"/>
      <c r="K30" s="529">
        <v>15.9</v>
      </c>
      <c r="L30" s="529"/>
      <c r="M30" s="529"/>
      <c r="N30" s="529"/>
      <c r="O30" s="529"/>
      <c r="P30" s="529"/>
      <c r="Q30" s="530">
        <v>123.4</v>
      </c>
      <c r="R30" s="530"/>
      <c r="S30" s="530"/>
      <c r="T30" s="530"/>
      <c r="U30" s="530"/>
      <c r="V30" s="531">
        <v>1.9</v>
      </c>
      <c r="W30" s="531"/>
      <c r="X30" s="531"/>
      <c r="Y30" s="531"/>
      <c r="Z30" s="531"/>
      <c r="AA30" s="530">
        <v>113.8</v>
      </c>
      <c r="AB30" s="530"/>
      <c r="AC30" s="530"/>
      <c r="AD30" s="530"/>
      <c r="AE30" s="530"/>
      <c r="AF30" s="531">
        <v>2.2999999999999998</v>
      </c>
      <c r="AG30" s="531"/>
      <c r="AH30" s="531"/>
      <c r="AI30" s="531"/>
      <c r="AJ30" s="531"/>
      <c r="AK30" s="532">
        <v>9.6</v>
      </c>
      <c r="AL30" s="532"/>
      <c r="AM30" s="532"/>
      <c r="AN30" s="532"/>
      <c r="AO30" s="532"/>
      <c r="AP30" s="531">
        <v>-2.1</v>
      </c>
      <c r="AQ30" s="531"/>
      <c r="AR30" s="531"/>
      <c r="AS30" s="531"/>
      <c r="AT30" s="531"/>
    </row>
    <row r="31" spans="1:51" ht="6" customHeight="1" x14ac:dyDescent="0.15">
      <c r="B31" s="40"/>
      <c r="C31" s="41"/>
      <c r="D31" s="31"/>
      <c r="J31" s="85"/>
      <c r="K31" s="90"/>
      <c r="L31" s="90"/>
      <c r="M31" s="90"/>
      <c r="N31" s="90"/>
      <c r="O31" s="90"/>
      <c r="P31" s="28"/>
      <c r="Q31" s="91"/>
      <c r="R31" s="91"/>
      <c r="S31" s="91"/>
      <c r="T31" s="91"/>
      <c r="U31" s="91"/>
      <c r="V31" s="92"/>
      <c r="W31" s="92"/>
      <c r="X31" s="92"/>
      <c r="Y31" s="92"/>
      <c r="Z31" s="92"/>
      <c r="AA31" s="91"/>
      <c r="AB31" s="91"/>
      <c r="AC31" s="91"/>
      <c r="AD31" s="91"/>
      <c r="AE31" s="91"/>
      <c r="AF31" s="92"/>
      <c r="AG31" s="92"/>
      <c r="AH31" s="92"/>
      <c r="AI31" s="92"/>
      <c r="AJ31" s="92"/>
      <c r="AK31" s="93"/>
      <c r="AL31" s="93"/>
      <c r="AM31" s="93"/>
      <c r="AN31" s="93"/>
      <c r="AO31" s="93"/>
      <c r="AP31" s="92"/>
      <c r="AQ31" s="92"/>
      <c r="AR31" s="92"/>
      <c r="AS31" s="92"/>
      <c r="AT31" s="92"/>
    </row>
    <row r="32" spans="1:51" ht="18.75" customHeight="1" x14ac:dyDescent="0.15">
      <c r="B32" s="514" t="s">
        <v>13</v>
      </c>
      <c r="C32" s="514"/>
      <c r="D32" s="514"/>
      <c r="E32" s="514"/>
      <c r="F32" s="514"/>
      <c r="G32" s="514"/>
      <c r="H32" s="514"/>
      <c r="I32" s="514"/>
      <c r="J32" s="94"/>
      <c r="K32" s="533">
        <v>16.7</v>
      </c>
      <c r="L32" s="533"/>
      <c r="M32" s="533"/>
      <c r="N32" s="533"/>
      <c r="O32" s="533"/>
      <c r="P32" s="533"/>
      <c r="Q32" s="534">
        <v>132.9</v>
      </c>
      <c r="R32" s="534"/>
      <c r="S32" s="534"/>
      <c r="T32" s="534"/>
      <c r="U32" s="534"/>
      <c r="V32" s="535">
        <v>1</v>
      </c>
      <c r="W32" s="535"/>
      <c r="X32" s="535"/>
      <c r="Y32" s="535"/>
      <c r="Z32" s="535"/>
      <c r="AA32" s="534">
        <v>121.1</v>
      </c>
      <c r="AB32" s="534"/>
      <c r="AC32" s="534"/>
      <c r="AD32" s="534"/>
      <c r="AE32" s="534"/>
      <c r="AF32" s="535">
        <v>0.9</v>
      </c>
      <c r="AG32" s="535"/>
      <c r="AH32" s="535"/>
      <c r="AI32" s="535"/>
      <c r="AJ32" s="535"/>
      <c r="AK32" s="536">
        <v>11.8</v>
      </c>
      <c r="AL32" s="536"/>
      <c r="AM32" s="536"/>
      <c r="AN32" s="536"/>
      <c r="AO32" s="536"/>
      <c r="AP32" s="535">
        <v>2.6</v>
      </c>
      <c r="AQ32" s="535"/>
      <c r="AR32" s="535"/>
      <c r="AS32" s="535"/>
      <c r="AT32" s="535"/>
    </row>
    <row r="33" spans="1:57" ht="6" customHeight="1" x14ac:dyDescent="0.15">
      <c r="A33" s="40"/>
      <c r="B33" s="40"/>
      <c r="C33" s="41"/>
      <c r="D33" s="31"/>
      <c r="J33" s="85"/>
      <c r="K33" s="95"/>
      <c r="L33" s="95"/>
      <c r="M33" s="95"/>
      <c r="N33" s="95"/>
      <c r="O33" s="95"/>
      <c r="P33" s="96"/>
      <c r="Q33" s="97"/>
      <c r="R33" s="97"/>
      <c r="S33" s="97"/>
      <c r="T33" s="97"/>
      <c r="U33" s="97"/>
      <c r="V33" s="98"/>
      <c r="W33" s="98"/>
      <c r="X33" s="98"/>
      <c r="Y33" s="98"/>
      <c r="Z33" s="98"/>
      <c r="AA33" s="97"/>
      <c r="AB33" s="97"/>
      <c r="AC33" s="97"/>
      <c r="AD33" s="97"/>
      <c r="AE33" s="97"/>
      <c r="AF33" s="98"/>
      <c r="AG33" s="98"/>
      <c r="AH33" s="98"/>
      <c r="AI33" s="98"/>
      <c r="AJ33" s="98"/>
      <c r="AK33" s="99"/>
      <c r="AL33" s="99"/>
      <c r="AM33" s="99"/>
      <c r="AN33" s="99"/>
      <c r="AO33" s="99"/>
      <c r="AP33" s="98"/>
      <c r="AQ33" s="98"/>
      <c r="AR33" s="98"/>
      <c r="AS33" s="98"/>
      <c r="AT33" s="98"/>
    </row>
    <row r="34" spans="1:57" ht="6" customHeight="1" x14ac:dyDescent="0.15">
      <c r="A34" s="51"/>
      <c r="B34" s="51"/>
      <c r="C34" s="52"/>
      <c r="D34" s="53"/>
      <c r="E34" s="54"/>
      <c r="F34" s="55"/>
      <c r="G34" s="55"/>
      <c r="H34" s="55"/>
      <c r="I34" s="55"/>
      <c r="J34" s="100"/>
      <c r="K34" s="90"/>
      <c r="L34" s="90"/>
      <c r="M34" s="90"/>
      <c r="N34" s="90"/>
      <c r="O34" s="90"/>
      <c r="P34" s="28"/>
      <c r="Q34" s="91"/>
      <c r="R34" s="91"/>
      <c r="S34" s="91"/>
      <c r="T34" s="91"/>
      <c r="U34" s="91"/>
      <c r="V34" s="92"/>
      <c r="W34" s="92"/>
      <c r="X34" s="92"/>
      <c r="Y34" s="92"/>
      <c r="Z34" s="92"/>
      <c r="AA34" s="91"/>
      <c r="AB34" s="91"/>
      <c r="AC34" s="91"/>
      <c r="AD34" s="91"/>
      <c r="AE34" s="91"/>
      <c r="AF34" s="92"/>
      <c r="AG34" s="92"/>
      <c r="AH34" s="92"/>
      <c r="AI34" s="92"/>
      <c r="AJ34" s="92"/>
      <c r="AK34" s="93"/>
      <c r="AL34" s="93"/>
      <c r="AM34" s="93"/>
      <c r="AN34" s="93"/>
      <c r="AO34" s="93"/>
      <c r="AP34" s="92"/>
      <c r="AQ34" s="92"/>
      <c r="AR34" s="92"/>
      <c r="AS34" s="92"/>
      <c r="AT34" s="92"/>
    </row>
    <row r="35" spans="1:57" ht="18.75" customHeight="1" x14ac:dyDescent="0.15">
      <c r="A35" s="37"/>
      <c r="B35" s="508" t="s">
        <v>14</v>
      </c>
      <c r="C35" s="508"/>
      <c r="D35" s="508"/>
      <c r="E35" s="508"/>
      <c r="F35" s="508"/>
      <c r="G35" s="508"/>
      <c r="H35" s="508"/>
      <c r="I35" s="508"/>
      <c r="J35" s="89"/>
      <c r="K35" s="529">
        <v>17.2</v>
      </c>
      <c r="L35" s="529"/>
      <c r="M35" s="529"/>
      <c r="N35" s="529"/>
      <c r="O35" s="529"/>
      <c r="P35" s="529"/>
      <c r="Q35" s="530">
        <v>141.9</v>
      </c>
      <c r="R35" s="530"/>
      <c r="S35" s="530"/>
      <c r="T35" s="530"/>
      <c r="U35" s="530"/>
      <c r="V35" s="531">
        <v>-0.6</v>
      </c>
      <c r="W35" s="531"/>
      <c r="X35" s="531"/>
      <c r="Y35" s="531"/>
      <c r="Z35" s="531"/>
      <c r="AA35" s="530">
        <v>129.4</v>
      </c>
      <c r="AB35" s="530"/>
      <c r="AC35" s="530"/>
      <c r="AD35" s="530"/>
      <c r="AE35" s="530"/>
      <c r="AF35" s="531">
        <v>-0.2</v>
      </c>
      <c r="AG35" s="531"/>
      <c r="AH35" s="531"/>
      <c r="AI35" s="531"/>
      <c r="AJ35" s="531"/>
      <c r="AK35" s="532">
        <v>12.5</v>
      </c>
      <c r="AL35" s="532"/>
      <c r="AM35" s="532"/>
      <c r="AN35" s="532"/>
      <c r="AO35" s="532"/>
      <c r="AP35" s="531">
        <v>-3.8</v>
      </c>
      <c r="AQ35" s="531"/>
      <c r="AR35" s="531"/>
      <c r="AS35" s="531"/>
      <c r="AT35" s="531"/>
    </row>
    <row r="36" spans="1:57" ht="6" customHeight="1" x14ac:dyDescent="0.15">
      <c r="B36" s="40"/>
      <c r="C36" s="41"/>
      <c r="D36" s="31"/>
      <c r="J36" s="85"/>
      <c r="K36" s="90"/>
      <c r="L36" s="90"/>
      <c r="M36" s="90"/>
      <c r="N36" s="90"/>
      <c r="O36" s="90"/>
      <c r="P36" s="28"/>
      <c r="Q36" s="91"/>
      <c r="R36" s="91"/>
      <c r="S36" s="91"/>
      <c r="T36" s="91"/>
      <c r="U36" s="91"/>
      <c r="V36" s="92"/>
      <c r="W36" s="92"/>
      <c r="X36" s="92"/>
      <c r="Y36" s="92"/>
      <c r="Z36" s="92"/>
      <c r="AA36" s="91"/>
      <c r="AB36" s="91"/>
      <c r="AC36" s="91"/>
      <c r="AD36" s="91"/>
      <c r="AE36" s="91"/>
      <c r="AF36" s="92"/>
      <c r="AG36" s="92"/>
      <c r="AH36" s="92"/>
      <c r="AI36" s="92"/>
      <c r="AJ36" s="92"/>
      <c r="AK36" s="93"/>
      <c r="AL36" s="93"/>
      <c r="AM36" s="93"/>
      <c r="AN36" s="93"/>
      <c r="AO36" s="93"/>
      <c r="AP36" s="92"/>
      <c r="AQ36" s="92"/>
      <c r="AR36" s="92"/>
      <c r="AS36" s="92"/>
      <c r="AT36" s="92"/>
    </row>
    <row r="37" spans="1:57" ht="18.75" customHeight="1" x14ac:dyDescent="0.15">
      <c r="B37" s="514" t="s">
        <v>15</v>
      </c>
      <c r="C37" s="514"/>
      <c r="D37" s="514"/>
      <c r="E37" s="514"/>
      <c r="F37" s="514"/>
      <c r="G37" s="514"/>
      <c r="H37" s="514"/>
      <c r="I37" s="514"/>
      <c r="J37" s="94"/>
      <c r="K37" s="533">
        <v>16.7</v>
      </c>
      <c r="L37" s="533"/>
      <c r="M37" s="533"/>
      <c r="N37" s="533"/>
      <c r="O37" s="533"/>
      <c r="P37" s="533"/>
      <c r="Q37" s="534">
        <v>133.1</v>
      </c>
      <c r="R37" s="534"/>
      <c r="S37" s="534"/>
      <c r="T37" s="534"/>
      <c r="U37" s="534"/>
      <c r="V37" s="535">
        <v>2</v>
      </c>
      <c r="W37" s="535"/>
      <c r="X37" s="535"/>
      <c r="Y37" s="535"/>
      <c r="Z37" s="535"/>
      <c r="AA37" s="534">
        <v>121.9</v>
      </c>
      <c r="AB37" s="534"/>
      <c r="AC37" s="534"/>
      <c r="AD37" s="534"/>
      <c r="AE37" s="534"/>
      <c r="AF37" s="535">
        <v>2.2000000000000002</v>
      </c>
      <c r="AG37" s="535"/>
      <c r="AH37" s="535"/>
      <c r="AI37" s="535"/>
      <c r="AJ37" s="535"/>
      <c r="AK37" s="536">
        <v>11.2</v>
      </c>
      <c r="AL37" s="536"/>
      <c r="AM37" s="536"/>
      <c r="AN37" s="536"/>
      <c r="AO37" s="536"/>
      <c r="AP37" s="535">
        <v>0.9</v>
      </c>
      <c r="AQ37" s="535"/>
      <c r="AR37" s="535"/>
      <c r="AS37" s="535"/>
      <c r="AT37" s="535"/>
    </row>
    <row r="38" spans="1:57" ht="6" customHeight="1" x14ac:dyDescent="0.15">
      <c r="B38" s="40"/>
      <c r="C38" s="41"/>
      <c r="D38" s="31"/>
      <c r="J38" s="85"/>
      <c r="K38" s="90"/>
      <c r="L38" s="90"/>
      <c r="M38" s="90"/>
      <c r="N38" s="90"/>
      <c r="O38" s="90"/>
      <c r="P38" s="28"/>
      <c r="Q38" s="91"/>
      <c r="R38" s="91"/>
      <c r="S38" s="91"/>
      <c r="T38" s="91"/>
      <c r="U38" s="91"/>
      <c r="V38" s="92"/>
      <c r="W38" s="92"/>
      <c r="X38" s="92"/>
      <c r="Y38" s="92"/>
      <c r="Z38" s="92"/>
      <c r="AA38" s="91"/>
      <c r="AB38" s="91"/>
      <c r="AC38" s="91"/>
      <c r="AD38" s="91"/>
      <c r="AE38" s="91"/>
      <c r="AF38" s="92"/>
      <c r="AG38" s="92"/>
      <c r="AH38" s="92"/>
      <c r="AI38" s="92"/>
      <c r="AJ38" s="92"/>
      <c r="AK38" s="93"/>
      <c r="AL38" s="93"/>
      <c r="AM38" s="93"/>
      <c r="AN38" s="93"/>
      <c r="AO38" s="93"/>
      <c r="AP38" s="92"/>
      <c r="AQ38" s="92"/>
      <c r="AR38" s="92"/>
      <c r="AS38" s="92"/>
      <c r="AT38" s="92"/>
    </row>
    <row r="39" spans="1:57" ht="18.75" customHeight="1" x14ac:dyDescent="0.15">
      <c r="A39" s="37"/>
      <c r="B39" s="508" t="s">
        <v>16</v>
      </c>
      <c r="C39" s="508"/>
      <c r="D39" s="508"/>
      <c r="E39" s="508"/>
      <c r="F39" s="508"/>
      <c r="G39" s="508"/>
      <c r="H39" s="508"/>
      <c r="I39" s="508"/>
      <c r="J39" s="89"/>
      <c r="K39" s="529">
        <v>16.3</v>
      </c>
      <c r="L39" s="529"/>
      <c r="M39" s="529"/>
      <c r="N39" s="529"/>
      <c r="O39" s="529"/>
      <c r="P39" s="529"/>
      <c r="Q39" s="530">
        <v>127.5</v>
      </c>
      <c r="R39" s="530"/>
      <c r="S39" s="530"/>
      <c r="T39" s="530"/>
      <c r="U39" s="530"/>
      <c r="V39" s="531">
        <v>1.1000000000000001</v>
      </c>
      <c r="W39" s="531"/>
      <c r="X39" s="531"/>
      <c r="Y39" s="531"/>
      <c r="Z39" s="531"/>
      <c r="AA39" s="530">
        <v>115.7</v>
      </c>
      <c r="AB39" s="530"/>
      <c r="AC39" s="530"/>
      <c r="AD39" s="530"/>
      <c r="AE39" s="530"/>
      <c r="AF39" s="531">
        <v>0.4</v>
      </c>
      <c r="AG39" s="531"/>
      <c r="AH39" s="531"/>
      <c r="AI39" s="531"/>
      <c r="AJ39" s="531"/>
      <c r="AK39" s="532">
        <v>11.8</v>
      </c>
      <c r="AL39" s="532"/>
      <c r="AM39" s="532"/>
      <c r="AN39" s="532"/>
      <c r="AO39" s="532"/>
      <c r="AP39" s="531">
        <v>8.1999999999999993</v>
      </c>
      <c r="AQ39" s="531"/>
      <c r="AR39" s="531"/>
      <c r="AS39" s="531"/>
      <c r="AT39" s="531"/>
    </row>
    <row r="40" spans="1:57" ht="6" customHeight="1" x14ac:dyDescent="0.15">
      <c r="B40" s="40"/>
      <c r="C40" s="41"/>
      <c r="D40" s="31"/>
      <c r="J40" s="85"/>
      <c r="K40" s="90"/>
      <c r="L40" s="90"/>
      <c r="M40" s="90"/>
      <c r="N40" s="90"/>
      <c r="O40" s="90"/>
      <c r="P40" s="28"/>
      <c r="Q40" s="91"/>
      <c r="R40" s="91"/>
      <c r="S40" s="91"/>
      <c r="T40" s="91"/>
      <c r="U40" s="91"/>
      <c r="V40" s="92"/>
      <c r="W40" s="92"/>
      <c r="X40" s="92"/>
      <c r="Y40" s="92"/>
      <c r="Z40" s="92"/>
      <c r="AA40" s="91"/>
      <c r="AB40" s="91"/>
      <c r="AC40" s="91"/>
      <c r="AD40" s="91"/>
      <c r="AE40" s="91"/>
      <c r="AF40" s="92"/>
      <c r="AG40" s="92"/>
      <c r="AH40" s="92"/>
      <c r="AI40" s="92"/>
      <c r="AJ40" s="92"/>
      <c r="AK40" s="93"/>
      <c r="AL40" s="93"/>
      <c r="AM40" s="93"/>
      <c r="AN40" s="93"/>
      <c r="AO40" s="93"/>
      <c r="AP40" s="92"/>
      <c r="AQ40" s="92"/>
      <c r="AR40" s="92"/>
      <c r="AS40" s="92"/>
      <c r="AT40" s="92"/>
    </row>
    <row r="41" spans="1:57" ht="18.75" customHeight="1" x14ac:dyDescent="0.15">
      <c r="B41" s="514" t="s">
        <v>17</v>
      </c>
      <c r="C41" s="514"/>
      <c r="D41" s="514"/>
      <c r="E41" s="514"/>
      <c r="F41" s="514"/>
      <c r="G41" s="514"/>
      <c r="H41" s="514"/>
      <c r="I41" s="514"/>
      <c r="J41" s="94"/>
      <c r="K41" s="533">
        <v>14.6</v>
      </c>
      <c r="L41" s="533"/>
      <c r="M41" s="533"/>
      <c r="N41" s="533"/>
      <c r="O41" s="533"/>
      <c r="P41" s="533"/>
      <c r="Q41" s="534">
        <v>108.6</v>
      </c>
      <c r="R41" s="534"/>
      <c r="S41" s="534"/>
      <c r="T41" s="534"/>
      <c r="U41" s="534"/>
      <c r="V41" s="535">
        <v>4</v>
      </c>
      <c r="W41" s="535"/>
      <c r="X41" s="535"/>
      <c r="Y41" s="535"/>
      <c r="Z41" s="535"/>
      <c r="AA41" s="534">
        <v>102.3</v>
      </c>
      <c r="AB41" s="534"/>
      <c r="AC41" s="534"/>
      <c r="AD41" s="534"/>
      <c r="AE41" s="534"/>
      <c r="AF41" s="535">
        <v>5.3</v>
      </c>
      <c r="AG41" s="535"/>
      <c r="AH41" s="535"/>
      <c r="AI41" s="535"/>
      <c r="AJ41" s="535"/>
      <c r="AK41" s="536">
        <v>6.3</v>
      </c>
      <c r="AL41" s="536"/>
      <c r="AM41" s="536"/>
      <c r="AN41" s="536"/>
      <c r="AO41" s="536"/>
      <c r="AP41" s="535">
        <v>-12.5</v>
      </c>
      <c r="AQ41" s="535"/>
      <c r="AR41" s="535"/>
      <c r="AS41" s="535"/>
      <c r="AT41" s="535"/>
    </row>
    <row r="42" spans="1:57" ht="6" customHeight="1" thickBot="1" x14ac:dyDescent="0.2">
      <c r="A42" s="64"/>
      <c r="B42" s="64"/>
      <c r="C42" s="65"/>
      <c r="D42" s="66"/>
      <c r="E42" s="67"/>
      <c r="F42" s="68"/>
      <c r="G42" s="68"/>
      <c r="H42" s="68"/>
      <c r="I42" s="68"/>
      <c r="J42" s="69"/>
      <c r="K42" s="101"/>
      <c r="L42" s="101"/>
      <c r="M42" s="101"/>
      <c r="N42" s="102"/>
      <c r="O42" s="102"/>
      <c r="P42" s="70"/>
      <c r="Q42" s="71"/>
      <c r="R42" s="70"/>
      <c r="S42" s="70"/>
      <c r="T42" s="103"/>
      <c r="U42" s="103"/>
      <c r="V42" s="103"/>
      <c r="W42" s="104"/>
      <c r="X42" s="104"/>
      <c r="Y42" s="70"/>
      <c r="Z42" s="70"/>
      <c r="AA42" s="70"/>
      <c r="AB42" s="70"/>
      <c r="AC42" s="103"/>
      <c r="AD42" s="103"/>
      <c r="AE42" s="103"/>
      <c r="AF42" s="104"/>
      <c r="AG42" s="104"/>
      <c r="AH42" s="70"/>
      <c r="AI42" s="70"/>
      <c r="AJ42" s="70"/>
      <c r="AK42" s="70"/>
      <c r="AL42" s="70"/>
      <c r="AM42" s="70"/>
      <c r="AN42" s="70"/>
      <c r="AO42" s="70"/>
      <c r="AP42" s="70"/>
      <c r="AQ42" s="70"/>
      <c r="AR42" s="70"/>
      <c r="AS42" s="70"/>
      <c r="AT42" s="70"/>
    </row>
    <row r="43" spans="1:57" ht="37.5" customHeight="1" thickBot="1" x14ac:dyDescent="0.2">
      <c r="A43" s="76"/>
      <c r="B43" s="76"/>
      <c r="C43" s="77"/>
      <c r="D43" s="31"/>
      <c r="Q43" s="78"/>
      <c r="AQ43" s="12"/>
      <c r="AR43" s="12"/>
      <c r="AS43" s="80"/>
      <c r="AT43" s="80"/>
      <c r="AU43" s="12"/>
      <c r="AV43" s="105"/>
      <c r="AW43" s="105"/>
      <c r="AX43" s="105"/>
    </row>
    <row r="44" spans="1:57" ht="15" customHeight="1" x14ac:dyDescent="0.15">
      <c r="A44" s="8"/>
      <c r="B44" s="8"/>
      <c r="C44" s="8"/>
      <c r="D44" s="8"/>
      <c r="E44" s="8"/>
      <c r="F44" s="8"/>
      <c r="G44" s="8"/>
      <c r="H44" s="8"/>
      <c r="I44" s="8"/>
      <c r="J44" s="9"/>
      <c r="K44" s="492" t="s">
        <v>24</v>
      </c>
      <c r="L44" s="493"/>
      <c r="M44" s="493"/>
      <c r="N44" s="493"/>
      <c r="O44" s="493"/>
      <c r="P44" s="493"/>
      <c r="Q44" s="493"/>
      <c r="R44" s="493"/>
      <c r="S44" s="493"/>
      <c r="T44" s="82"/>
      <c r="U44" s="82"/>
      <c r="V44" s="82"/>
      <c r="W44" s="82"/>
      <c r="X44" s="82"/>
      <c r="Y44" s="82"/>
      <c r="Z44" s="82"/>
      <c r="AA44" s="82"/>
      <c r="AB44" s="82"/>
      <c r="AC44" s="537" t="s">
        <v>25</v>
      </c>
      <c r="AD44" s="538"/>
      <c r="AE44" s="538"/>
      <c r="AF44" s="538"/>
      <c r="AG44" s="538"/>
      <c r="AH44" s="538"/>
      <c r="AI44" s="538"/>
      <c r="AJ44" s="538"/>
      <c r="AK44" s="538"/>
      <c r="AL44" s="538"/>
      <c r="AM44" s="538"/>
      <c r="AN44" s="538"/>
      <c r="AO44" s="538"/>
      <c r="AP44" s="538"/>
      <c r="AQ44" s="538"/>
      <c r="AR44" s="538"/>
      <c r="AS44" s="538"/>
      <c r="AT44" s="538"/>
      <c r="BE44" s="106"/>
    </row>
    <row r="45" spans="1:57" ht="18.75" customHeight="1" x14ac:dyDescent="0.15">
      <c r="A45" s="12"/>
      <c r="B45" s="496" t="s">
        <v>0</v>
      </c>
      <c r="C45" s="496"/>
      <c r="D45" s="496"/>
      <c r="E45" s="496"/>
      <c r="F45" s="496"/>
      <c r="G45" s="496"/>
      <c r="H45" s="496"/>
      <c r="I45" s="496"/>
      <c r="J45" s="13"/>
      <c r="K45" s="494"/>
      <c r="L45" s="495"/>
      <c r="M45" s="495"/>
      <c r="N45" s="495"/>
      <c r="O45" s="495"/>
      <c r="P45" s="495"/>
      <c r="Q45" s="495"/>
      <c r="R45" s="495"/>
      <c r="S45" s="495"/>
      <c r="T45" s="505" t="s">
        <v>26</v>
      </c>
      <c r="U45" s="506"/>
      <c r="V45" s="506"/>
      <c r="W45" s="506"/>
      <c r="X45" s="506"/>
      <c r="Y45" s="506"/>
      <c r="Z45" s="506"/>
      <c r="AA45" s="506"/>
      <c r="AB45" s="506"/>
      <c r="AC45" s="505" t="s">
        <v>27</v>
      </c>
      <c r="AD45" s="506"/>
      <c r="AE45" s="506"/>
      <c r="AF45" s="506"/>
      <c r="AG45" s="506"/>
      <c r="AH45" s="506"/>
      <c r="AI45" s="506"/>
      <c r="AJ45" s="506"/>
      <c r="AK45" s="539"/>
      <c r="AL45" s="505" t="s">
        <v>28</v>
      </c>
      <c r="AM45" s="506"/>
      <c r="AN45" s="506"/>
      <c r="AO45" s="506"/>
      <c r="AP45" s="506"/>
      <c r="AQ45" s="506"/>
      <c r="AR45" s="506"/>
      <c r="AS45" s="506"/>
      <c r="AT45" s="506"/>
      <c r="BE45" s="107"/>
    </row>
    <row r="46" spans="1:57" ht="15" customHeight="1" x14ac:dyDescent="0.15">
      <c r="A46" s="16"/>
      <c r="B46" s="16"/>
      <c r="C46" s="16"/>
      <c r="D46" s="16"/>
      <c r="E46" s="16"/>
      <c r="F46" s="16"/>
      <c r="G46" s="16"/>
      <c r="H46" s="16"/>
      <c r="I46" s="16"/>
      <c r="J46" s="17"/>
      <c r="K46" s="18"/>
      <c r="L46" s="16"/>
      <c r="M46" s="16"/>
      <c r="N46" s="16"/>
      <c r="O46" s="507" t="s">
        <v>10</v>
      </c>
      <c r="P46" s="507"/>
      <c r="Q46" s="507"/>
      <c r="R46" s="507"/>
      <c r="S46" s="525"/>
      <c r="T46" s="84"/>
      <c r="U46" s="20"/>
      <c r="V46" s="20"/>
      <c r="W46" s="20"/>
      <c r="X46" s="507" t="s">
        <v>29</v>
      </c>
      <c r="Y46" s="507"/>
      <c r="Z46" s="507"/>
      <c r="AA46" s="507"/>
      <c r="AB46" s="507"/>
      <c r="AC46" s="84"/>
      <c r="AD46" s="16"/>
      <c r="AE46" s="16"/>
      <c r="AF46" s="16"/>
      <c r="AG46" s="507" t="s">
        <v>30</v>
      </c>
      <c r="AH46" s="507"/>
      <c r="AI46" s="507"/>
      <c r="AJ46" s="507"/>
      <c r="AK46" s="525"/>
      <c r="AL46" s="84"/>
      <c r="AM46" s="16"/>
      <c r="AN46" s="16"/>
      <c r="AO46" s="16"/>
      <c r="AP46" s="507" t="s">
        <v>30</v>
      </c>
      <c r="AQ46" s="507"/>
      <c r="AR46" s="507"/>
      <c r="AS46" s="507"/>
      <c r="AT46" s="507"/>
      <c r="BE46" s="107"/>
    </row>
    <row r="47" spans="1:57" ht="6" customHeight="1" x14ac:dyDescent="0.15">
      <c r="A47" s="25"/>
      <c r="B47" s="25"/>
      <c r="C47" s="25"/>
      <c r="K47" s="108"/>
      <c r="L47" s="12"/>
      <c r="M47" s="12"/>
      <c r="N47" s="12"/>
      <c r="O47" s="24"/>
      <c r="P47" s="24"/>
      <c r="Q47" s="24"/>
      <c r="R47" s="24"/>
      <c r="U47" s="86"/>
      <c r="V47" s="86"/>
      <c r="W47" s="86"/>
      <c r="X47" s="24"/>
      <c r="Y47" s="24"/>
      <c r="Z47" s="24"/>
      <c r="AA47" s="24"/>
      <c r="AD47" s="12"/>
      <c r="AE47" s="12"/>
      <c r="AF47" s="12"/>
      <c r="AG47" s="24"/>
      <c r="AH47" s="24"/>
      <c r="AI47" s="24"/>
      <c r="AJ47" s="24"/>
      <c r="AM47" s="12"/>
      <c r="AN47" s="12"/>
      <c r="AO47" s="12"/>
      <c r="AP47" s="24"/>
      <c r="AQ47" s="24"/>
      <c r="AR47" s="24"/>
      <c r="AS47" s="24"/>
      <c r="BE47" s="107"/>
    </row>
    <row r="48" spans="1:57" s="88" customFormat="1" ht="12.75" customHeight="1" x14ac:dyDescent="0.15">
      <c r="A48" s="25"/>
      <c r="B48" s="25"/>
      <c r="C48" s="30"/>
      <c r="D48" s="31"/>
      <c r="E48" s="27"/>
      <c r="F48" s="28"/>
      <c r="G48" s="28"/>
      <c r="H48" s="28"/>
      <c r="I48" s="28"/>
      <c r="J48" s="28"/>
      <c r="K48" s="109"/>
      <c r="L48" s="36"/>
      <c r="M48" s="36"/>
      <c r="N48" s="87"/>
      <c r="P48" s="87" t="s">
        <v>31</v>
      </c>
      <c r="Q48" s="24"/>
      <c r="R48" s="87"/>
      <c r="S48" s="36" t="s">
        <v>1</v>
      </c>
      <c r="T48" s="87"/>
      <c r="U48" s="87"/>
      <c r="V48" s="87"/>
      <c r="X48" s="528" t="s">
        <v>31</v>
      </c>
      <c r="Y48" s="528"/>
      <c r="Z48" s="87"/>
      <c r="AA48" s="87"/>
      <c r="AB48" s="36" t="s">
        <v>1</v>
      </c>
      <c r="AC48" s="87"/>
      <c r="AD48" s="87"/>
      <c r="AE48" s="87"/>
      <c r="AF48" s="36" t="s">
        <v>1</v>
      </c>
      <c r="AH48" s="87"/>
      <c r="AI48" s="87"/>
      <c r="AK48" s="36" t="s">
        <v>2</v>
      </c>
      <c r="AL48" s="87"/>
      <c r="AM48" s="87"/>
      <c r="AN48" s="87"/>
      <c r="AO48" s="36" t="s">
        <v>1</v>
      </c>
      <c r="AQ48" s="87"/>
      <c r="AR48" s="87"/>
      <c r="AT48" s="36" t="s">
        <v>2</v>
      </c>
      <c r="BE48" s="3"/>
    </row>
    <row r="49" spans="1:57" ht="18.75" customHeight="1" x14ac:dyDescent="0.15">
      <c r="A49" s="37"/>
      <c r="B49" s="508" t="s">
        <v>12</v>
      </c>
      <c r="C49" s="508"/>
      <c r="D49" s="508"/>
      <c r="E49" s="508"/>
      <c r="F49" s="508"/>
      <c r="G49" s="508"/>
      <c r="H49" s="508"/>
      <c r="I49" s="508"/>
      <c r="J49" s="38"/>
      <c r="K49" s="509">
        <v>3120736</v>
      </c>
      <c r="L49" s="510"/>
      <c r="M49" s="510"/>
      <c r="N49" s="510"/>
      <c r="O49" s="510"/>
      <c r="P49" s="510"/>
      <c r="Q49" s="511">
        <v>0.6</v>
      </c>
      <c r="R49" s="511"/>
      <c r="S49" s="511"/>
      <c r="T49" s="510">
        <v>1147706</v>
      </c>
      <c r="U49" s="510"/>
      <c r="V49" s="510"/>
      <c r="W49" s="510"/>
      <c r="X49" s="510"/>
      <c r="Y49" s="510"/>
      <c r="Z49" s="511">
        <v>36.799999999999997</v>
      </c>
      <c r="AA49" s="511"/>
      <c r="AB49" s="511"/>
      <c r="AC49" s="540">
        <v>1.57</v>
      </c>
      <c r="AD49" s="540"/>
      <c r="AE49" s="540"/>
      <c r="AF49" s="540"/>
      <c r="AG49" s="540"/>
      <c r="AH49" s="541">
        <v>0.14000000000000001</v>
      </c>
      <c r="AI49" s="541"/>
      <c r="AJ49" s="541"/>
      <c r="AK49" s="541"/>
      <c r="AL49" s="540">
        <v>1.66</v>
      </c>
      <c r="AM49" s="540"/>
      <c r="AN49" s="540"/>
      <c r="AO49" s="540"/>
      <c r="AP49" s="540"/>
      <c r="AQ49" s="541">
        <v>0.12</v>
      </c>
      <c r="AR49" s="541"/>
      <c r="AS49" s="541"/>
      <c r="AT49" s="541"/>
    </row>
    <row r="50" spans="1:57" ht="6" customHeight="1" x14ac:dyDescent="0.15">
      <c r="B50" s="40"/>
      <c r="C50" s="41"/>
      <c r="D50" s="31"/>
      <c r="K50" s="42"/>
      <c r="L50" s="43"/>
      <c r="M50" s="43"/>
      <c r="N50" s="43"/>
      <c r="O50" s="43"/>
      <c r="P50" s="43"/>
      <c r="Q50" s="44"/>
      <c r="R50" s="44"/>
      <c r="S50" s="44"/>
      <c r="T50" s="43"/>
      <c r="U50" s="43"/>
      <c r="V50" s="43"/>
      <c r="W50" s="43"/>
      <c r="X50" s="43"/>
      <c r="Y50" s="43"/>
      <c r="Z50" s="44"/>
      <c r="AA50" s="44"/>
      <c r="AB50" s="44"/>
      <c r="AC50" s="110"/>
      <c r="AD50" s="110"/>
      <c r="AE50" s="110"/>
      <c r="AF50" s="110"/>
      <c r="AG50" s="110"/>
      <c r="AH50" s="111"/>
      <c r="AI50" s="111"/>
      <c r="AJ50" s="111"/>
      <c r="AK50" s="111"/>
      <c r="AL50" s="110"/>
      <c r="AM50" s="110"/>
      <c r="AN50" s="110"/>
      <c r="AO50" s="110"/>
      <c r="AP50" s="110"/>
      <c r="AQ50" s="111"/>
      <c r="AR50" s="111"/>
      <c r="AS50" s="111"/>
      <c r="AT50" s="111"/>
    </row>
    <row r="51" spans="1:57" ht="18.75" customHeight="1" x14ac:dyDescent="0.15">
      <c r="B51" s="514" t="s">
        <v>13</v>
      </c>
      <c r="C51" s="514"/>
      <c r="D51" s="514"/>
      <c r="E51" s="514"/>
      <c r="F51" s="514"/>
      <c r="G51" s="514"/>
      <c r="H51" s="514"/>
      <c r="I51" s="514"/>
      <c r="J51" s="40"/>
      <c r="K51" s="515">
        <v>1906017</v>
      </c>
      <c r="L51" s="516"/>
      <c r="M51" s="516"/>
      <c r="N51" s="516"/>
      <c r="O51" s="516"/>
      <c r="P51" s="516"/>
      <c r="Q51" s="517">
        <v>-0.7</v>
      </c>
      <c r="R51" s="517"/>
      <c r="S51" s="517"/>
      <c r="T51" s="516">
        <v>543782</v>
      </c>
      <c r="U51" s="516"/>
      <c r="V51" s="516"/>
      <c r="W51" s="516"/>
      <c r="X51" s="516"/>
      <c r="Y51" s="516"/>
      <c r="Z51" s="517">
        <v>28.5</v>
      </c>
      <c r="AA51" s="517"/>
      <c r="AB51" s="517"/>
      <c r="AC51" s="542">
        <v>1.21</v>
      </c>
      <c r="AD51" s="542"/>
      <c r="AE51" s="542"/>
      <c r="AF51" s="542"/>
      <c r="AG51" s="542"/>
      <c r="AH51" s="543">
        <v>0.11</v>
      </c>
      <c r="AI51" s="543"/>
      <c r="AJ51" s="543"/>
      <c r="AK51" s="543"/>
      <c r="AL51" s="542">
        <v>1.47</v>
      </c>
      <c r="AM51" s="542"/>
      <c r="AN51" s="542"/>
      <c r="AO51" s="542"/>
      <c r="AP51" s="542"/>
      <c r="AQ51" s="543">
        <v>0.06</v>
      </c>
      <c r="AR51" s="543"/>
      <c r="AS51" s="543"/>
      <c r="AT51" s="543"/>
      <c r="BE51" s="50"/>
    </row>
    <row r="52" spans="1:57" ht="6" customHeight="1" x14ac:dyDescent="0.15">
      <c r="A52" s="40"/>
      <c r="B52" s="40"/>
      <c r="C52" s="41"/>
      <c r="D52" s="31"/>
      <c r="K52" s="42"/>
      <c r="L52" s="43"/>
      <c r="M52" s="43"/>
      <c r="N52" s="43"/>
      <c r="O52" s="43"/>
      <c r="P52" s="43"/>
      <c r="Q52" s="44"/>
      <c r="R52" s="44"/>
      <c r="S52" s="44"/>
      <c r="T52" s="43"/>
      <c r="U52" s="43"/>
      <c r="V52" s="43"/>
      <c r="W52" s="43"/>
      <c r="X52" s="43"/>
      <c r="Y52" s="43"/>
      <c r="Z52" s="44"/>
      <c r="AA52" s="44"/>
      <c r="AB52" s="44"/>
      <c r="AC52" s="110"/>
      <c r="AD52" s="110"/>
      <c r="AE52" s="110"/>
      <c r="AF52" s="110"/>
      <c r="AG52" s="110"/>
      <c r="AH52" s="111"/>
      <c r="AI52" s="111"/>
      <c r="AJ52" s="111"/>
      <c r="AK52" s="111"/>
      <c r="AL52" s="110"/>
      <c r="AM52" s="110"/>
      <c r="AN52" s="110"/>
      <c r="AO52" s="110"/>
      <c r="AP52" s="110"/>
      <c r="AQ52" s="111"/>
      <c r="AR52" s="111"/>
      <c r="AS52" s="111"/>
      <c r="AT52" s="111"/>
      <c r="BE52" s="48"/>
    </row>
    <row r="53" spans="1:57" ht="6" customHeight="1" x14ac:dyDescent="0.15">
      <c r="A53" s="51"/>
      <c r="B53" s="51"/>
      <c r="C53" s="52"/>
      <c r="D53" s="53"/>
      <c r="E53" s="54"/>
      <c r="F53" s="55"/>
      <c r="G53" s="55"/>
      <c r="H53" s="55"/>
      <c r="I53" s="55"/>
      <c r="J53" s="55"/>
      <c r="K53" s="56"/>
      <c r="L53" s="57"/>
      <c r="M53" s="57"/>
      <c r="N53" s="57"/>
      <c r="O53" s="57"/>
      <c r="P53" s="57"/>
      <c r="Q53" s="58"/>
      <c r="R53" s="58"/>
      <c r="S53" s="58"/>
      <c r="T53" s="57"/>
      <c r="U53" s="57"/>
      <c r="V53" s="57"/>
      <c r="W53" s="57"/>
      <c r="X53" s="57"/>
      <c r="Y53" s="57"/>
      <c r="Z53" s="58"/>
      <c r="AA53" s="58"/>
      <c r="AB53" s="58"/>
      <c r="AC53" s="112"/>
      <c r="AD53" s="112"/>
      <c r="AE53" s="112"/>
      <c r="AF53" s="112"/>
      <c r="AG53" s="112"/>
      <c r="AH53" s="113"/>
      <c r="AI53" s="113"/>
      <c r="AJ53" s="113"/>
      <c r="AK53" s="113"/>
      <c r="AL53" s="112"/>
      <c r="AM53" s="112"/>
      <c r="AN53" s="112"/>
      <c r="AO53" s="112"/>
      <c r="AP53" s="112"/>
      <c r="AQ53" s="113"/>
      <c r="AR53" s="113"/>
      <c r="AS53" s="113"/>
      <c r="AT53" s="113"/>
    </row>
    <row r="54" spans="1:57" ht="18.75" customHeight="1" x14ac:dyDescent="0.15">
      <c r="A54" s="37"/>
      <c r="B54" s="508" t="s">
        <v>14</v>
      </c>
      <c r="C54" s="508"/>
      <c r="D54" s="508"/>
      <c r="E54" s="508"/>
      <c r="F54" s="508"/>
      <c r="G54" s="508"/>
      <c r="H54" s="508"/>
      <c r="I54" s="508"/>
      <c r="J54" s="38"/>
      <c r="K54" s="509">
        <v>456317</v>
      </c>
      <c r="L54" s="510"/>
      <c r="M54" s="510"/>
      <c r="N54" s="510"/>
      <c r="O54" s="510"/>
      <c r="P54" s="510"/>
      <c r="Q54" s="511">
        <v>0.3</v>
      </c>
      <c r="R54" s="511"/>
      <c r="S54" s="511"/>
      <c r="T54" s="510">
        <v>68869</v>
      </c>
      <c r="U54" s="510"/>
      <c r="V54" s="510"/>
      <c r="W54" s="510"/>
      <c r="X54" s="510"/>
      <c r="Y54" s="510"/>
      <c r="Z54" s="511">
        <v>15.1</v>
      </c>
      <c r="AA54" s="511"/>
      <c r="AB54" s="511"/>
      <c r="AC54" s="540">
        <v>1.1599999999999999</v>
      </c>
      <c r="AD54" s="540"/>
      <c r="AE54" s="540"/>
      <c r="AF54" s="540"/>
      <c r="AG54" s="540"/>
      <c r="AH54" s="541">
        <v>0.11</v>
      </c>
      <c r="AI54" s="541"/>
      <c r="AJ54" s="541"/>
      <c r="AK54" s="541"/>
      <c r="AL54" s="540">
        <v>1.45</v>
      </c>
      <c r="AM54" s="540"/>
      <c r="AN54" s="540"/>
      <c r="AO54" s="540"/>
      <c r="AP54" s="540"/>
      <c r="AQ54" s="541">
        <v>-0.02</v>
      </c>
      <c r="AR54" s="541"/>
      <c r="AS54" s="541"/>
      <c r="AT54" s="541"/>
      <c r="BE54" s="48"/>
    </row>
    <row r="55" spans="1:57" ht="6" customHeight="1" x14ac:dyDescent="0.15">
      <c r="B55" s="40"/>
      <c r="C55" s="41"/>
      <c r="D55" s="31"/>
      <c r="K55" s="42"/>
      <c r="L55" s="43"/>
      <c r="M55" s="43"/>
      <c r="N55" s="43"/>
      <c r="O55" s="43"/>
      <c r="P55" s="43"/>
      <c r="Q55" s="44"/>
      <c r="R55" s="44"/>
      <c r="S55" s="44"/>
      <c r="T55" s="43"/>
      <c r="U55" s="43"/>
      <c r="V55" s="43"/>
      <c r="W55" s="43"/>
      <c r="X55" s="43"/>
      <c r="Y55" s="43"/>
      <c r="Z55" s="44"/>
      <c r="AA55" s="44"/>
      <c r="AB55" s="44"/>
      <c r="AC55" s="110"/>
      <c r="AD55" s="110"/>
      <c r="AE55" s="110"/>
      <c r="AF55" s="110"/>
      <c r="AG55" s="110"/>
      <c r="AH55" s="111"/>
      <c r="AI55" s="111"/>
      <c r="AJ55" s="111"/>
      <c r="AK55" s="111"/>
      <c r="AL55" s="110"/>
      <c r="AM55" s="110"/>
      <c r="AN55" s="110"/>
      <c r="AO55" s="110"/>
      <c r="AP55" s="110"/>
      <c r="AQ55" s="111"/>
      <c r="AR55" s="111"/>
      <c r="AS55" s="111"/>
      <c r="AT55" s="111"/>
    </row>
    <row r="56" spans="1:57" ht="18.75" customHeight="1" x14ac:dyDescent="0.15">
      <c r="B56" s="514" t="s">
        <v>15</v>
      </c>
      <c r="C56" s="514"/>
      <c r="D56" s="514"/>
      <c r="E56" s="514"/>
      <c r="F56" s="514"/>
      <c r="G56" s="514"/>
      <c r="H56" s="514"/>
      <c r="I56" s="514"/>
      <c r="J56" s="40"/>
      <c r="K56" s="515">
        <v>651089</v>
      </c>
      <c r="L56" s="516"/>
      <c r="M56" s="516"/>
      <c r="N56" s="516"/>
      <c r="O56" s="516"/>
      <c r="P56" s="516"/>
      <c r="Q56" s="517">
        <v>1.4</v>
      </c>
      <c r="R56" s="517"/>
      <c r="S56" s="517"/>
      <c r="T56" s="516">
        <v>192088</v>
      </c>
      <c r="U56" s="516"/>
      <c r="V56" s="516"/>
      <c r="W56" s="516"/>
      <c r="X56" s="516"/>
      <c r="Y56" s="516"/>
      <c r="Z56" s="517">
        <v>29.5</v>
      </c>
      <c r="AA56" s="517"/>
      <c r="AB56" s="517"/>
      <c r="AC56" s="542">
        <v>1.1299999999999999</v>
      </c>
      <c r="AD56" s="542"/>
      <c r="AE56" s="542"/>
      <c r="AF56" s="542"/>
      <c r="AG56" s="542"/>
      <c r="AH56" s="543">
        <v>-0.03</v>
      </c>
      <c r="AI56" s="543"/>
      <c r="AJ56" s="543"/>
      <c r="AK56" s="543"/>
      <c r="AL56" s="542">
        <v>1.3</v>
      </c>
      <c r="AM56" s="542"/>
      <c r="AN56" s="542"/>
      <c r="AO56" s="542"/>
      <c r="AP56" s="542"/>
      <c r="AQ56" s="543">
        <v>-0.23</v>
      </c>
      <c r="AR56" s="543"/>
      <c r="AS56" s="543"/>
      <c r="AT56" s="543"/>
      <c r="BE56" s="48"/>
    </row>
    <row r="57" spans="1:57" ht="6" customHeight="1" x14ac:dyDescent="0.15">
      <c r="B57" s="40"/>
      <c r="C57" s="41"/>
      <c r="D57" s="31"/>
      <c r="K57" s="42"/>
      <c r="L57" s="43"/>
      <c r="M57" s="43"/>
      <c r="N57" s="43"/>
      <c r="O57" s="43"/>
      <c r="P57" s="43"/>
      <c r="Q57" s="44"/>
      <c r="R57" s="44"/>
      <c r="S57" s="44"/>
      <c r="T57" s="43"/>
      <c r="U57" s="43"/>
      <c r="V57" s="43"/>
      <c r="W57" s="43"/>
      <c r="X57" s="43"/>
      <c r="Y57" s="43"/>
      <c r="Z57" s="44"/>
      <c r="AA57" s="44"/>
      <c r="AB57" s="44"/>
      <c r="AC57" s="110"/>
      <c r="AD57" s="110"/>
      <c r="AE57" s="110"/>
      <c r="AF57" s="110"/>
      <c r="AG57" s="110"/>
      <c r="AH57" s="111"/>
      <c r="AI57" s="111"/>
      <c r="AJ57" s="111"/>
      <c r="AK57" s="111"/>
      <c r="AL57" s="110"/>
      <c r="AM57" s="110"/>
      <c r="AN57" s="110"/>
      <c r="AO57" s="110"/>
      <c r="AP57" s="110"/>
      <c r="AQ57" s="111"/>
      <c r="AR57" s="111"/>
      <c r="AS57" s="111"/>
      <c r="AT57" s="111"/>
    </row>
    <row r="58" spans="1:57" ht="18.75" customHeight="1" x14ac:dyDescent="0.15">
      <c r="A58" s="37"/>
      <c r="B58" s="508" t="s">
        <v>16</v>
      </c>
      <c r="C58" s="508"/>
      <c r="D58" s="508"/>
      <c r="E58" s="508"/>
      <c r="F58" s="508"/>
      <c r="G58" s="508"/>
      <c r="H58" s="508"/>
      <c r="I58" s="508"/>
      <c r="J58" s="38"/>
      <c r="K58" s="509">
        <v>798611</v>
      </c>
      <c r="L58" s="510"/>
      <c r="M58" s="510"/>
      <c r="N58" s="510"/>
      <c r="O58" s="510"/>
      <c r="P58" s="510"/>
      <c r="Q58" s="511">
        <v>-2.8</v>
      </c>
      <c r="R58" s="511"/>
      <c r="S58" s="511"/>
      <c r="T58" s="510">
        <v>282825</v>
      </c>
      <c r="U58" s="510"/>
      <c r="V58" s="510"/>
      <c r="W58" s="510"/>
      <c r="X58" s="510"/>
      <c r="Y58" s="510"/>
      <c r="Z58" s="511">
        <v>35.4</v>
      </c>
      <c r="AA58" s="511"/>
      <c r="AB58" s="511"/>
      <c r="AC58" s="540">
        <v>1.29</v>
      </c>
      <c r="AD58" s="540"/>
      <c r="AE58" s="540"/>
      <c r="AF58" s="540"/>
      <c r="AG58" s="540"/>
      <c r="AH58" s="541">
        <v>0.2</v>
      </c>
      <c r="AI58" s="541"/>
      <c r="AJ58" s="541"/>
      <c r="AK58" s="541"/>
      <c r="AL58" s="540">
        <v>1.61</v>
      </c>
      <c r="AM58" s="540"/>
      <c r="AN58" s="540"/>
      <c r="AO58" s="540"/>
      <c r="AP58" s="540"/>
      <c r="AQ58" s="541">
        <v>0.33</v>
      </c>
      <c r="AR58" s="541"/>
      <c r="AS58" s="541"/>
      <c r="AT58" s="541"/>
      <c r="BE58" s="48"/>
    </row>
    <row r="59" spans="1:57" ht="6" customHeight="1" x14ac:dyDescent="0.15">
      <c r="B59" s="40"/>
      <c r="C59" s="41"/>
      <c r="D59" s="31"/>
      <c r="K59" s="42"/>
      <c r="L59" s="43"/>
      <c r="M59" s="43"/>
      <c r="N59" s="43"/>
      <c r="O59" s="43"/>
      <c r="P59" s="43"/>
      <c r="Q59" s="44"/>
      <c r="R59" s="44"/>
      <c r="S59" s="44"/>
      <c r="T59" s="43"/>
      <c r="U59" s="43"/>
      <c r="V59" s="43"/>
      <c r="W59" s="43"/>
      <c r="X59" s="43"/>
      <c r="Y59" s="43"/>
      <c r="Z59" s="44"/>
      <c r="AA59" s="44"/>
      <c r="AB59" s="44"/>
      <c r="AC59" s="110"/>
      <c r="AD59" s="110"/>
      <c r="AE59" s="110"/>
      <c r="AF59" s="110"/>
      <c r="AG59" s="110"/>
      <c r="AH59" s="111"/>
      <c r="AI59" s="111"/>
      <c r="AJ59" s="111"/>
      <c r="AK59" s="111"/>
      <c r="AL59" s="110"/>
      <c r="AM59" s="110"/>
      <c r="AN59" s="110"/>
      <c r="AO59" s="110"/>
      <c r="AP59" s="110"/>
      <c r="AQ59" s="111"/>
      <c r="AR59" s="111"/>
      <c r="AS59" s="111"/>
      <c r="AT59" s="111"/>
    </row>
    <row r="60" spans="1:57" ht="18.75" customHeight="1" x14ac:dyDescent="0.15">
      <c r="B60" s="514" t="s">
        <v>17</v>
      </c>
      <c r="C60" s="514"/>
      <c r="D60" s="514"/>
      <c r="E60" s="514"/>
      <c r="F60" s="514"/>
      <c r="G60" s="514"/>
      <c r="H60" s="514"/>
      <c r="I60" s="514"/>
      <c r="J60" s="40"/>
      <c r="K60" s="515">
        <v>1214719</v>
      </c>
      <c r="L60" s="516"/>
      <c r="M60" s="516"/>
      <c r="N60" s="516"/>
      <c r="O60" s="516"/>
      <c r="P60" s="516"/>
      <c r="Q60" s="517">
        <v>2.5</v>
      </c>
      <c r="R60" s="517"/>
      <c r="S60" s="517"/>
      <c r="T60" s="516">
        <v>603924</v>
      </c>
      <c r="U60" s="516"/>
      <c r="V60" s="516"/>
      <c r="W60" s="516"/>
      <c r="X60" s="516"/>
      <c r="Y60" s="516"/>
      <c r="Z60" s="517">
        <v>49.7</v>
      </c>
      <c r="AA60" s="517"/>
      <c r="AB60" s="517"/>
      <c r="AC60" s="542">
        <v>2.14</v>
      </c>
      <c r="AD60" s="542"/>
      <c r="AE60" s="542"/>
      <c r="AF60" s="542"/>
      <c r="AG60" s="542"/>
      <c r="AH60" s="543">
        <v>0.18</v>
      </c>
      <c r="AI60" s="543"/>
      <c r="AJ60" s="543"/>
      <c r="AK60" s="543"/>
      <c r="AL60" s="542">
        <v>1.96</v>
      </c>
      <c r="AM60" s="542"/>
      <c r="AN60" s="542"/>
      <c r="AO60" s="542"/>
      <c r="AP60" s="542"/>
      <c r="AQ60" s="543">
        <v>0.21</v>
      </c>
      <c r="AR60" s="543"/>
      <c r="AS60" s="543"/>
      <c r="AT60" s="543"/>
      <c r="BE60" s="106"/>
    </row>
    <row r="61" spans="1:57" ht="6" customHeight="1" thickBot="1" x14ac:dyDescent="0.2">
      <c r="A61" s="64"/>
      <c r="B61" s="64"/>
      <c r="C61" s="65"/>
      <c r="D61" s="66"/>
      <c r="E61" s="67"/>
      <c r="F61" s="68"/>
      <c r="G61" s="68"/>
      <c r="H61" s="68"/>
      <c r="I61" s="68"/>
      <c r="J61" s="68"/>
      <c r="K61" s="114"/>
      <c r="L61" s="68"/>
      <c r="M61" s="68"/>
      <c r="N61" s="70"/>
      <c r="O61" s="70"/>
      <c r="P61" s="70"/>
      <c r="Q61" s="70"/>
      <c r="R61" s="70"/>
      <c r="S61" s="70"/>
      <c r="T61" s="70"/>
      <c r="U61" s="70"/>
      <c r="V61" s="70"/>
      <c r="W61" s="70"/>
      <c r="X61" s="70"/>
      <c r="Y61" s="70"/>
      <c r="Z61" s="70"/>
      <c r="AA61" s="70"/>
      <c r="AB61" s="70"/>
      <c r="AC61" s="70"/>
      <c r="AD61" s="70"/>
      <c r="AE61" s="70"/>
      <c r="AF61" s="70"/>
      <c r="AG61" s="70"/>
      <c r="AH61" s="70"/>
      <c r="AI61" s="70"/>
      <c r="AJ61" s="70"/>
      <c r="AK61" s="70"/>
      <c r="AL61" s="70"/>
      <c r="AM61" s="70"/>
      <c r="AN61" s="70"/>
      <c r="AO61" s="70"/>
      <c r="AP61" s="70"/>
      <c r="AQ61" s="70"/>
      <c r="AR61" s="70"/>
      <c r="AS61" s="70"/>
      <c r="AT61" s="74"/>
      <c r="AU61" s="25"/>
      <c r="AV61" s="25"/>
      <c r="AW61" s="25"/>
      <c r="AX61" s="25"/>
    </row>
    <row r="62" spans="1:57" ht="10.5" customHeight="1" x14ac:dyDescent="0.15">
      <c r="A62" s="25"/>
      <c r="B62" s="25"/>
      <c r="C62" s="25"/>
      <c r="E62" s="115"/>
      <c r="F62" s="26"/>
      <c r="G62" s="26"/>
      <c r="H62" s="26"/>
      <c r="I62" s="115"/>
      <c r="J62" s="115"/>
      <c r="K62" s="116"/>
      <c r="L62" s="116"/>
      <c r="M62" s="116"/>
    </row>
    <row r="65" spans="1:10" x14ac:dyDescent="0.15">
      <c r="D65" s="106"/>
      <c r="E65" s="117"/>
      <c r="F65" s="106"/>
      <c r="G65" s="106"/>
      <c r="H65" s="106"/>
      <c r="I65" s="118"/>
      <c r="J65" s="118"/>
    </row>
    <row r="70" spans="1:10" x14ac:dyDescent="0.15">
      <c r="A70" s="76"/>
      <c r="B70" s="76"/>
      <c r="C70" s="76"/>
    </row>
    <row r="71" spans="1:10" x14ac:dyDescent="0.15">
      <c r="A71" s="76"/>
      <c r="B71" s="76"/>
      <c r="C71" s="76"/>
    </row>
    <row r="72" spans="1:10" x14ac:dyDescent="0.15">
      <c r="A72" s="76"/>
      <c r="B72" s="76"/>
      <c r="C72" s="76"/>
    </row>
    <row r="73" spans="1:10" x14ac:dyDescent="0.15">
      <c r="A73" s="76"/>
      <c r="B73" s="76"/>
      <c r="C73" s="76"/>
    </row>
    <row r="74" spans="1:10" x14ac:dyDescent="0.15">
      <c r="A74" s="76"/>
      <c r="B74" s="76"/>
      <c r="C74" s="76"/>
    </row>
    <row r="75" spans="1:10" x14ac:dyDescent="0.15">
      <c r="A75" s="76"/>
      <c r="B75" s="76"/>
      <c r="C75" s="76"/>
    </row>
    <row r="76" spans="1:10" x14ac:dyDescent="0.15">
      <c r="A76" s="76"/>
      <c r="B76" s="76"/>
      <c r="C76" s="76"/>
    </row>
  </sheetData>
  <mergeCells count="189">
    <mergeCell ref="AH60:AK60"/>
    <mergeCell ref="AL60:AP60"/>
    <mergeCell ref="AQ60:AT60"/>
    <mergeCell ref="B60:I60"/>
    <mergeCell ref="K60:P60"/>
    <mergeCell ref="Q60:S60"/>
    <mergeCell ref="T60:Y60"/>
    <mergeCell ref="Z60:AB60"/>
    <mergeCell ref="AC60:AG60"/>
    <mergeCell ref="B58:I58"/>
    <mergeCell ref="K58:P58"/>
    <mergeCell ref="Q58:S58"/>
    <mergeCell ref="T58:Y58"/>
    <mergeCell ref="Z58:AB58"/>
    <mergeCell ref="AC58:AG58"/>
    <mergeCell ref="AH58:AK58"/>
    <mergeCell ref="AL58:AP58"/>
    <mergeCell ref="AQ58:AT58"/>
    <mergeCell ref="B56:I56"/>
    <mergeCell ref="K56:P56"/>
    <mergeCell ref="Q56:S56"/>
    <mergeCell ref="T56:Y56"/>
    <mergeCell ref="Z56:AB56"/>
    <mergeCell ref="AC56:AG56"/>
    <mergeCell ref="AH56:AK56"/>
    <mergeCell ref="AL56:AP56"/>
    <mergeCell ref="AQ56:AT56"/>
    <mergeCell ref="B54:I54"/>
    <mergeCell ref="K54:P54"/>
    <mergeCell ref="Q54:S54"/>
    <mergeCell ref="T54:Y54"/>
    <mergeCell ref="Z54:AB54"/>
    <mergeCell ref="AC54:AG54"/>
    <mergeCell ref="AH54:AK54"/>
    <mergeCell ref="AL54:AP54"/>
    <mergeCell ref="AQ54:AT54"/>
    <mergeCell ref="B51:I51"/>
    <mergeCell ref="K51:P51"/>
    <mergeCell ref="Q51:S51"/>
    <mergeCell ref="T51:Y51"/>
    <mergeCell ref="Z51:AB51"/>
    <mergeCell ref="AC51:AG51"/>
    <mergeCell ref="AH51:AK51"/>
    <mergeCell ref="AL51:AP51"/>
    <mergeCell ref="AQ51:AT51"/>
    <mergeCell ref="O46:S46"/>
    <mergeCell ref="X46:AB46"/>
    <mergeCell ref="AG46:AK46"/>
    <mergeCell ref="AP46:AT46"/>
    <mergeCell ref="X48:Y48"/>
    <mergeCell ref="B49:I49"/>
    <mergeCell ref="K49:P49"/>
    <mergeCell ref="Q49:S49"/>
    <mergeCell ref="T49:Y49"/>
    <mergeCell ref="Z49:AB49"/>
    <mergeCell ref="AC49:AG49"/>
    <mergeCell ref="AH49:AK49"/>
    <mergeCell ref="AL49:AP49"/>
    <mergeCell ref="AQ49:AT49"/>
    <mergeCell ref="K44:S45"/>
    <mergeCell ref="AC44:AT44"/>
    <mergeCell ref="B45:I45"/>
    <mergeCell ref="T45:AB45"/>
    <mergeCell ref="AC45:AK45"/>
    <mergeCell ref="AL45:AT45"/>
    <mergeCell ref="AK39:AO39"/>
    <mergeCell ref="AP39:AT39"/>
    <mergeCell ref="B41:I41"/>
    <mergeCell ref="K41:P41"/>
    <mergeCell ref="Q41:U41"/>
    <mergeCell ref="V41:Z41"/>
    <mergeCell ref="AA41:AE41"/>
    <mergeCell ref="AF41:AJ41"/>
    <mergeCell ref="AK41:AO41"/>
    <mergeCell ref="AP41:AT41"/>
    <mergeCell ref="B39:I39"/>
    <mergeCell ref="K39:P39"/>
    <mergeCell ref="Q39:U39"/>
    <mergeCell ref="V39:Z39"/>
    <mergeCell ref="AA39:AE39"/>
    <mergeCell ref="AF39:AJ39"/>
    <mergeCell ref="AK35:AO35"/>
    <mergeCell ref="AP35:AT35"/>
    <mergeCell ref="B37:I37"/>
    <mergeCell ref="K37:P37"/>
    <mergeCell ref="Q37:U37"/>
    <mergeCell ref="V37:Z37"/>
    <mergeCell ref="AA37:AE37"/>
    <mergeCell ref="AF37:AJ37"/>
    <mergeCell ref="AK37:AO37"/>
    <mergeCell ref="AP37:AT37"/>
    <mergeCell ref="B35:I35"/>
    <mergeCell ref="K35:P35"/>
    <mergeCell ref="Q35:U35"/>
    <mergeCell ref="V35:Z35"/>
    <mergeCell ref="AA35:AE35"/>
    <mergeCell ref="AF35:AJ35"/>
    <mergeCell ref="B30:I30"/>
    <mergeCell ref="K30:P30"/>
    <mergeCell ref="Q30:U30"/>
    <mergeCell ref="V30:Z30"/>
    <mergeCell ref="AA30:AE30"/>
    <mergeCell ref="AF30:AJ30"/>
    <mergeCell ref="AK30:AO30"/>
    <mergeCell ref="AP30:AT30"/>
    <mergeCell ref="B32:I32"/>
    <mergeCell ref="K32:P32"/>
    <mergeCell ref="Q32:U32"/>
    <mergeCell ref="V32:Z32"/>
    <mergeCell ref="AA32:AE32"/>
    <mergeCell ref="AF32:AJ32"/>
    <mergeCell ref="AK32:AO32"/>
    <mergeCell ref="AP32:AT32"/>
    <mergeCell ref="K25:P27"/>
    <mergeCell ref="Q25:Z26"/>
    <mergeCell ref="B26:I26"/>
    <mergeCell ref="AA26:AJ26"/>
    <mergeCell ref="AK26:AT26"/>
    <mergeCell ref="V27:Z27"/>
    <mergeCell ref="AF27:AJ27"/>
    <mergeCell ref="AP27:AT27"/>
    <mergeCell ref="T29:U29"/>
    <mergeCell ref="AD29:AE29"/>
    <mergeCell ref="AN29:AO29"/>
    <mergeCell ref="B22:I22"/>
    <mergeCell ref="K22:P22"/>
    <mergeCell ref="Q22:S22"/>
    <mergeCell ref="T22:X22"/>
    <mergeCell ref="Y22:AA22"/>
    <mergeCell ref="AB22:AF22"/>
    <mergeCell ref="AG22:AI22"/>
    <mergeCell ref="AJ22:AN22"/>
    <mergeCell ref="AO22:AT22"/>
    <mergeCell ref="AG18:AI18"/>
    <mergeCell ref="AJ18:AN18"/>
    <mergeCell ref="AO18:AT18"/>
    <mergeCell ref="B20:I20"/>
    <mergeCell ref="K20:P20"/>
    <mergeCell ref="Q20:S20"/>
    <mergeCell ref="T20:X20"/>
    <mergeCell ref="Y20:AA20"/>
    <mergeCell ref="AB20:AF20"/>
    <mergeCell ref="AG20:AI20"/>
    <mergeCell ref="B18:I18"/>
    <mergeCell ref="K18:P18"/>
    <mergeCell ref="Q18:S18"/>
    <mergeCell ref="T18:X18"/>
    <mergeCell ref="Y18:AA18"/>
    <mergeCell ref="AB18:AF18"/>
    <mergeCell ref="AJ20:AN20"/>
    <mergeCell ref="AO20:AT20"/>
    <mergeCell ref="B16:I16"/>
    <mergeCell ref="K16:P16"/>
    <mergeCell ref="Q16:S16"/>
    <mergeCell ref="T16:X16"/>
    <mergeCell ref="Y16:AA16"/>
    <mergeCell ref="AB16:AF16"/>
    <mergeCell ref="AG16:AI16"/>
    <mergeCell ref="AJ16:AN16"/>
    <mergeCell ref="AO16:AT16"/>
    <mergeCell ref="B13:I13"/>
    <mergeCell ref="K13:P13"/>
    <mergeCell ref="Q13:S13"/>
    <mergeCell ref="T13:X13"/>
    <mergeCell ref="Y13:AA13"/>
    <mergeCell ref="AB13:AF13"/>
    <mergeCell ref="AG13:AI13"/>
    <mergeCell ref="AJ13:AN13"/>
    <mergeCell ref="AO13:AT13"/>
    <mergeCell ref="B11:I11"/>
    <mergeCell ref="K11:P11"/>
    <mergeCell ref="Q11:S11"/>
    <mergeCell ref="T11:X11"/>
    <mergeCell ref="Y11:AA11"/>
    <mergeCell ref="AB11:AF11"/>
    <mergeCell ref="AG11:AI11"/>
    <mergeCell ref="AJ11:AN11"/>
    <mergeCell ref="AO11:AT11"/>
    <mergeCell ref="A1:J1"/>
    <mergeCell ref="A3:AT3"/>
    <mergeCell ref="K5:S7"/>
    <mergeCell ref="B6:I7"/>
    <mergeCell ref="T6:AA7"/>
    <mergeCell ref="AO6:AT7"/>
    <mergeCell ref="AB7:AI7"/>
    <mergeCell ref="AJ7:AN7"/>
    <mergeCell ref="P8:S8"/>
    <mergeCell ref="X8:AA8"/>
    <mergeCell ref="AF8:AI8"/>
  </mergeCells>
  <phoneticPr fontId="3"/>
  <printOptions horizontalCentered="1"/>
  <pageMargins left="0.59055118110236227" right="0.59055118110236227" top="0.39370078740157483" bottom="0.59055118110236227" header="0" footer="0.19685039370078741"/>
  <pageSetup paperSize="9" scale="90" orientation="portrait" errors="blank" r:id="rId1"/>
  <headerFooter alignWithMargins="0">
    <oddFooter>&amp;C&amp;"HGPｺﾞｼｯｸM,ﾒﾃﾞｨｳﾑ"- 7 -</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5CD71BB-9946-40A4-925C-AEAE66D0F457}">
  <sheetPr codeName="Sheet16">
    <tabColor indexed="52"/>
    <pageSetUpPr fitToPage="1"/>
  </sheetPr>
  <dimension ref="A1:AK50"/>
  <sheetViews>
    <sheetView view="pageBreakPreview" topLeftCell="A22" zoomScaleNormal="85" zoomScaleSheetLayoutView="100" workbookViewId="0">
      <selection sqref="A1:A50"/>
    </sheetView>
  </sheetViews>
  <sheetFormatPr defaultRowHeight="13.5" x14ac:dyDescent="0.15"/>
  <cols>
    <col min="1" max="1" width="4.375" style="1" customWidth="1"/>
    <col min="2" max="2" width="2.5" style="1" customWidth="1"/>
    <col min="3" max="3" width="6.625" style="28" customWidth="1"/>
    <col min="4" max="4" width="3.875" style="28" customWidth="1"/>
    <col min="5" max="32" width="4.875" style="28" customWidth="1"/>
    <col min="33" max="33" width="5.375" style="28" customWidth="1"/>
    <col min="34" max="34" width="5" style="28" customWidth="1"/>
    <col min="35" max="36" width="4.875" style="28" customWidth="1"/>
    <col min="37" max="37" width="9" style="28"/>
    <col min="38" max="16384" width="9" style="3"/>
  </cols>
  <sheetData>
    <row r="1" spans="1:37" ht="18.75" customHeight="1" x14ac:dyDescent="0.15">
      <c r="A1" s="553" t="s">
        <v>162</v>
      </c>
      <c r="B1" s="321" t="s">
        <v>164</v>
      </c>
      <c r="D1" s="322"/>
      <c r="E1" s="322"/>
      <c r="F1" s="322"/>
      <c r="G1" s="322"/>
      <c r="H1" s="322"/>
      <c r="I1" s="322"/>
      <c r="J1" s="322"/>
      <c r="K1" s="322"/>
      <c r="L1" s="137"/>
      <c r="M1" s="137"/>
      <c r="N1" s="137"/>
      <c r="O1" s="322"/>
      <c r="P1" s="322"/>
      <c r="Q1" s="323"/>
      <c r="R1" s="322"/>
      <c r="S1" s="322"/>
      <c r="T1" s="322"/>
      <c r="U1" s="322"/>
      <c r="V1" s="322"/>
      <c r="W1" s="322"/>
      <c r="X1" s="322"/>
      <c r="Y1" s="322"/>
      <c r="Z1" s="322"/>
      <c r="AA1" s="322"/>
      <c r="AB1" s="322"/>
      <c r="AC1" s="322"/>
      <c r="AD1" s="322"/>
      <c r="AE1" s="322"/>
      <c r="AF1" s="555" t="s">
        <v>165</v>
      </c>
      <c r="AG1" s="555"/>
      <c r="AH1" s="555"/>
      <c r="AI1" s="555"/>
      <c r="AJ1" s="555"/>
    </row>
    <row r="2" spans="1:37" s="326" customFormat="1" ht="3.75" customHeight="1" thickBot="1" x14ac:dyDescent="0.2">
      <c r="A2" s="553"/>
      <c r="B2" s="157"/>
      <c r="C2" s="324"/>
      <c r="D2" s="324"/>
      <c r="E2" s="324"/>
      <c r="F2" s="324"/>
      <c r="G2" s="324"/>
      <c r="H2" s="587"/>
      <c r="I2" s="587"/>
      <c r="J2" s="587"/>
      <c r="K2" s="587"/>
      <c r="L2" s="587"/>
      <c r="M2" s="324"/>
      <c r="N2" s="324"/>
      <c r="O2" s="324"/>
      <c r="P2" s="587"/>
      <c r="Q2" s="587"/>
      <c r="R2" s="587"/>
      <c r="S2" s="587"/>
      <c r="T2" s="587"/>
      <c r="U2" s="324"/>
      <c r="V2" s="324"/>
      <c r="W2" s="324"/>
      <c r="X2" s="159"/>
      <c r="Y2" s="159"/>
      <c r="Z2" s="159"/>
      <c r="AA2" s="159"/>
      <c r="AB2" s="159"/>
      <c r="AC2" s="159"/>
      <c r="AD2" s="159"/>
      <c r="AE2" s="159"/>
      <c r="AF2" s="325"/>
      <c r="AG2" s="325"/>
      <c r="AH2" s="325"/>
      <c r="AI2" s="325"/>
      <c r="AJ2" s="325"/>
      <c r="AK2" s="159"/>
    </row>
    <row r="3" spans="1:37" s="326" customFormat="1" ht="6" customHeight="1" x14ac:dyDescent="0.15">
      <c r="A3" s="553"/>
      <c r="B3" s="327"/>
      <c r="C3" s="591"/>
      <c r="D3" s="592"/>
      <c r="E3" s="328"/>
      <c r="F3" s="329"/>
      <c r="G3" s="330"/>
      <c r="H3" s="331"/>
      <c r="I3" s="328"/>
      <c r="J3" s="331"/>
      <c r="K3" s="328"/>
      <c r="L3" s="331"/>
      <c r="M3" s="328"/>
      <c r="N3" s="331"/>
      <c r="O3" s="328"/>
      <c r="P3" s="331"/>
      <c r="Q3" s="328"/>
      <c r="R3" s="331"/>
      <c r="S3" s="328"/>
      <c r="T3" s="330"/>
      <c r="U3" s="328"/>
      <c r="V3" s="331"/>
      <c r="W3" s="328"/>
      <c r="X3" s="331"/>
      <c r="Y3" s="328"/>
      <c r="Z3" s="331"/>
      <c r="AA3" s="328"/>
      <c r="AB3" s="331"/>
      <c r="AC3" s="328"/>
      <c r="AD3" s="330"/>
      <c r="AE3" s="328"/>
      <c r="AF3" s="331"/>
      <c r="AG3" s="328"/>
      <c r="AH3" s="331"/>
      <c r="AI3" s="328"/>
      <c r="AJ3" s="330"/>
      <c r="AK3" s="159"/>
    </row>
    <row r="4" spans="1:37" s="326" customFormat="1" ht="10.5" customHeight="1" x14ac:dyDescent="0.15">
      <c r="A4" s="553"/>
      <c r="B4" s="157"/>
      <c r="C4" s="593"/>
      <c r="D4" s="594"/>
      <c r="E4" s="589" t="s">
        <v>78</v>
      </c>
      <c r="F4" s="597"/>
      <c r="G4" s="598" t="s">
        <v>79</v>
      </c>
      <c r="H4" s="599"/>
      <c r="I4" s="589" t="s">
        <v>80</v>
      </c>
      <c r="J4" s="599"/>
      <c r="K4" s="589" t="s">
        <v>166</v>
      </c>
      <c r="L4" s="599"/>
      <c r="M4" s="589" t="s">
        <v>82</v>
      </c>
      <c r="N4" s="600"/>
      <c r="O4" s="589" t="s">
        <v>167</v>
      </c>
      <c r="P4" s="600"/>
      <c r="Q4" s="589" t="s">
        <v>168</v>
      </c>
      <c r="R4" s="600"/>
      <c r="S4" s="589" t="s">
        <v>169</v>
      </c>
      <c r="T4" s="600"/>
      <c r="U4" s="589" t="s">
        <v>170</v>
      </c>
      <c r="V4" s="600"/>
      <c r="W4" s="601" t="s">
        <v>171</v>
      </c>
      <c r="X4" s="602"/>
      <c r="Y4" s="589" t="s">
        <v>172</v>
      </c>
      <c r="Z4" s="590"/>
      <c r="AA4" s="601" t="s">
        <v>173</v>
      </c>
      <c r="AB4" s="602"/>
      <c r="AC4" s="589" t="s">
        <v>174</v>
      </c>
      <c r="AD4" s="590"/>
      <c r="AE4" s="589" t="s">
        <v>91</v>
      </c>
      <c r="AF4" s="590"/>
      <c r="AG4" s="589" t="s">
        <v>175</v>
      </c>
      <c r="AH4" s="590"/>
      <c r="AI4" s="589" t="s">
        <v>93</v>
      </c>
      <c r="AJ4" s="605"/>
      <c r="AK4" s="159"/>
    </row>
    <row r="5" spans="1:37" s="326" customFormat="1" ht="10.5" customHeight="1" x14ac:dyDescent="0.15">
      <c r="A5" s="553"/>
      <c r="B5" s="157"/>
      <c r="C5" s="593"/>
      <c r="D5" s="594"/>
      <c r="E5" s="332"/>
      <c r="F5" s="333"/>
      <c r="G5" s="334"/>
      <c r="H5" s="335"/>
      <c r="I5" s="332"/>
      <c r="J5" s="335"/>
      <c r="K5" s="601" t="s">
        <v>176</v>
      </c>
      <c r="L5" s="602"/>
      <c r="M5" s="603"/>
      <c r="N5" s="600"/>
      <c r="O5" s="604" t="s">
        <v>177</v>
      </c>
      <c r="P5" s="600"/>
      <c r="Q5" s="589" t="s">
        <v>178</v>
      </c>
      <c r="R5" s="600"/>
      <c r="S5" s="589" t="s">
        <v>179</v>
      </c>
      <c r="T5" s="600"/>
      <c r="U5" s="589" t="s">
        <v>180</v>
      </c>
      <c r="V5" s="600"/>
      <c r="W5" s="601" t="s">
        <v>181</v>
      </c>
      <c r="X5" s="602"/>
      <c r="Y5" s="601" t="s">
        <v>182</v>
      </c>
      <c r="Z5" s="602"/>
      <c r="AA5" s="589" t="s">
        <v>183</v>
      </c>
      <c r="AB5" s="600"/>
      <c r="AC5" s="589" t="s">
        <v>184</v>
      </c>
      <c r="AD5" s="590"/>
      <c r="AE5" s="589"/>
      <c r="AF5" s="600"/>
      <c r="AG5" s="589" t="s">
        <v>185</v>
      </c>
      <c r="AH5" s="600"/>
      <c r="AI5" s="589"/>
      <c r="AJ5" s="606"/>
      <c r="AK5" s="159"/>
    </row>
    <row r="6" spans="1:37" s="337" customFormat="1" ht="15" customHeight="1" x14ac:dyDescent="0.15">
      <c r="A6" s="553"/>
      <c r="B6" s="336"/>
      <c r="C6" s="593"/>
      <c r="D6" s="594"/>
      <c r="E6" s="607" t="s">
        <v>186</v>
      </c>
      <c r="F6" s="608"/>
      <c r="G6" s="609" t="s">
        <v>186</v>
      </c>
      <c r="H6" s="610"/>
      <c r="I6" s="607" t="s">
        <v>186</v>
      </c>
      <c r="J6" s="610"/>
      <c r="K6" s="607" t="s">
        <v>186</v>
      </c>
      <c r="L6" s="610"/>
      <c r="M6" s="607" t="s">
        <v>186</v>
      </c>
      <c r="N6" s="610"/>
      <c r="O6" s="607" t="s">
        <v>186</v>
      </c>
      <c r="P6" s="610"/>
      <c r="Q6" s="607" t="s">
        <v>186</v>
      </c>
      <c r="R6" s="610"/>
      <c r="S6" s="607" t="s">
        <v>186</v>
      </c>
      <c r="T6" s="610"/>
      <c r="U6" s="607" t="s">
        <v>186</v>
      </c>
      <c r="V6" s="610"/>
      <c r="W6" s="607" t="s">
        <v>186</v>
      </c>
      <c r="X6" s="610"/>
      <c r="Y6" s="607" t="s">
        <v>186</v>
      </c>
      <c r="Z6" s="610"/>
      <c r="AA6" s="607" t="s">
        <v>186</v>
      </c>
      <c r="AB6" s="610"/>
      <c r="AC6" s="607" t="s">
        <v>186</v>
      </c>
      <c r="AD6" s="610"/>
      <c r="AE6" s="607" t="s">
        <v>186</v>
      </c>
      <c r="AF6" s="610"/>
      <c r="AG6" s="607" t="s">
        <v>186</v>
      </c>
      <c r="AH6" s="610"/>
      <c r="AI6" s="607" t="s">
        <v>186</v>
      </c>
      <c r="AJ6" s="609"/>
      <c r="AK6" s="324"/>
    </row>
    <row r="7" spans="1:37" s="326" customFormat="1" ht="7.5" customHeight="1" x14ac:dyDescent="0.15">
      <c r="A7" s="553"/>
      <c r="B7" s="338"/>
      <c r="C7" s="595"/>
      <c r="D7" s="596"/>
      <c r="E7" s="339"/>
      <c r="F7" s="340" t="s">
        <v>142</v>
      </c>
      <c r="G7" s="341"/>
      <c r="H7" s="342" t="s">
        <v>142</v>
      </c>
      <c r="I7" s="339"/>
      <c r="J7" s="342" t="s">
        <v>142</v>
      </c>
      <c r="K7" s="339"/>
      <c r="L7" s="342" t="s">
        <v>142</v>
      </c>
      <c r="M7" s="339"/>
      <c r="N7" s="342" t="s">
        <v>142</v>
      </c>
      <c r="O7" s="339"/>
      <c r="P7" s="342" t="s">
        <v>142</v>
      </c>
      <c r="Q7" s="339"/>
      <c r="R7" s="342" t="s">
        <v>142</v>
      </c>
      <c r="S7" s="339"/>
      <c r="T7" s="342" t="s">
        <v>142</v>
      </c>
      <c r="U7" s="339"/>
      <c r="V7" s="342" t="s">
        <v>142</v>
      </c>
      <c r="W7" s="339"/>
      <c r="X7" s="342" t="s">
        <v>142</v>
      </c>
      <c r="Y7" s="339"/>
      <c r="Z7" s="342" t="s">
        <v>142</v>
      </c>
      <c r="AA7" s="339"/>
      <c r="AB7" s="342" t="s">
        <v>142</v>
      </c>
      <c r="AC7" s="339"/>
      <c r="AD7" s="342" t="s">
        <v>142</v>
      </c>
      <c r="AE7" s="339"/>
      <c r="AF7" s="342" t="s">
        <v>142</v>
      </c>
      <c r="AG7" s="339"/>
      <c r="AH7" s="342" t="s">
        <v>142</v>
      </c>
      <c r="AI7" s="339"/>
      <c r="AJ7" s="259" t="s">
        <v>142</v>
      </c>
      <c r="AK7" s="159"/>
    </row>
    <row r="8" spans="1:37" s="326" customFormat="1" ht="11.25" customHeight="1" x14ac:dyDescent="0.15">
      <c r="A8" s="553"/>
      <c r="B8" s="614" t="s">
        <v>187</v>
      </c>
      <c r="C8" s="343"/>
      <c r="D8" s="344"/>
      <c r="E8" s="345"/>
      <c r="F8" s="346"/>
      <c r="G8" s="345"/>
      <c r="H8" s="345"/>
      <c r="I8" s="345"/>
      <c r="J8" s="345"/>
      <c r="K8" s="345"/>
      <c r="L8" s="345"/>
      <c r="M8" s="345"/>
      <c r="N8" s="345"/>
      <c r="O8" s="345"/>
      <c r="P8" s="345"/>
      <c r="Q8" s="345"/>
      <c r="R8" s="345"/>
      <c r="S8" s="345"/>
      <c r="T8" s="345"/>
      <c r="U8" s="345"/>
      <c r="V8" s="345"/>
      <c r="W8" s="345"/>
      <c r="X8" s="345"/>
      <c r="Y8" s="345"/>
      <c r="Z8" s="345"/>
      <c r="AA8" s="345"/>
      <c r="AB8" s="345"/>
      <c r="AC8" s="345"/>
      <c r="AD8" s="345"/>
      <c r="AE8" s="345"/>
      <c r="AF8" s="345"/>
      <c r="AG8" s="345"/>
      <c r="AH8" s="345"/>
      <c r="AI8" s="345"/>
      <c r="AJ8" s="345"/>
      <c r="AK8" s="159"/>
    </row>
    <row r="9" spans="1:37" s="326" customFormat="1" ht="14.25" customHeight="1" x14ac:dyDescent="0.15">
      <c r="A9" s="553"/>
      <c r="B9" s="615"/>
      <c r="C9" s="347" t="s">
        <v>188</v>
      </c>
      <c r="D9" s="348" t="s">
        <v>189</v>
      </c>
      <c r="E9" s="349">
        <v>99.5</v>
      </c>
      <c r="F9" s="350">
        <v>-0.1</v>
      </c>
      <c r="G9" s="349">
        <v>114.7</v>
      </c>
      <c r="H9" s="349">
        <v>11.8</v>
      </c>
      <c r="I9" s="349">
        <v>101.8</v>
      </c>
      <c r="J9" s="349">
        <v>-1.2</v>
      </c>
      <c r="K9" s="349">
        <v>98.5</v>
      </c>
      <c r="L9" s="349">
        <v>-1.9</v>
      </c>
      <c r="M9" s="349">
        <v>115.4</v>
      </c>
      <c r="N9" s="349">
        <v>11</v>
      </c>
      <c r="O9" s="349">
        <v>91.3</v>
      </c>
      <c r="P9" s="349">
        <v>0.3</v>
      </c>
      <c r="Q9" s="349">
        <v>96.4</v>
      </c>
      <c r="R9" s="349">
        <v>0.5</v>
      </c>
      <c r="S9" s="349">
        <v>99.4</v>
      </c>
      <c r="T9" s="349">
        <v>1.4</v>
      </c>
      <c r="U9" s="349">
        <v>120</v>
      </c>
      <c r="V9" s="349">
        <v>5.8</v>
      </c>
      <c r="W9" s="349">
        <v>106</v>
      </c>
      <c r="X9" s="349">
        <v>7.5</v>
      </c>
      <c r="Y9" s="349">
        <v>124.6</v>
      </c>
      <c r="Z9" s="349">
        <v>13.8</v>
      </c>
      <c r="AA9" s="349">
        <v>102.4</v>
      </c>
      <c r="AB9" s="349">
        <v>-8.1999999999999993</v>
      </c>
      <c r="AC9" s="349">
        <v>85.6</v>
      </c>
      <c r="AD9" s="349">
        <v>-17.5</v>
      </c>
      <c r="AE9" s="349">
        <v>100</v>
      </c>
      <c r="AF9" s="349">
        <v>6.6</v>
      </c>
      <c r="AG9" s="349">
        <v>95.7</v>
      </c>
      <c r="AH9" s="349">
        <v>-5.2</v>
      </c>
      <c r="AI9" s="349">
        <v>96.7</v>
      </c>
      <c r="AJ9" s="349">
        <v>-2.9</v>
      </c>
      <c r="AK9" s="159"/>
    </row>
    <row r="10" spans="1:37" s="326" customFormat="1" ht="14.25" customHeight="1" x14ac:dyDescent="0.15">
      <c r="A10" s="553"/>
      <c r="B10" s="615"/>
      <c r="C10" s="347" t="s">
        <v>188</v>
      </c>
      <c r="D10" s="348" t="s">
        <v>190</v>
      </c>
      <c r="E10" s="351">
        <v>102.7</v>
      </c>
      <c r="F10" s="352">
        <v>3.2</v>
      </c>
      <c r="G10" s="351">
        <v>115.4</v>
      </c>
      <c r="H10" s="351">
        <v>0.6</v>
      </c>
      <c r="I10" s="351">
        <v>112.4</v>
      </c>
      <c r="J10" s="351">
        <v>10.4</v>
      </c>
      <c r="K10" s="351">
        <v>95.9</v>
      </c>
      <c r="L10" s="351">
        <v>-2.6</v>
      </c>
      <c r="M10" s="351">
        <v>118.2</v>
      </c>
      <c r="N10" s="351">
        <v>2.4</v>
      </c>
      <c r="O10" s="351">
        <v>95.3</v>
      </c>
      <c r="P10" s="351">
        <v>4.4000000000000004</v>
      </c>
      <c r="Q10" s="351">
        <v>102.3</v>
      </c>
      <c r="R10" s="351">
        <v>6.1</v>
      </c>
      <c r="S10" s="351">
        <v>95</v>
      </c>
      <c r="T10" s="351">
        <v>-4.4000000000000004</v>
      </c>
      <c r="U10" s="351">
        <v>126.8</v>
      </c>
      <c r="V10" s="351">
        <v>5.7</v>
      </c>
      <c r="W10" s="351">
        <v>105.1</v>
      </c>
      <c r="X10" s="351">
        <v>-0.8</v>
      </c>
      <c r="Y10" s="351">
        <v>137.9</v>
      </c>
      <c r="Z10" s="351">
        <v>10.7</v>
      </c>
      <c r="AA10" s="351">
        <v>107.5</v>
      </c>
      <c r="AB10" s="351">
        <v>5</v>
      </c>
      <c r="AC10" s="351">
        <v>90.6</v>
      </c>
      <c r="AD10" s="351">
        <v>5.8</v>
      </c>
      <c r="AE10" s="351">
        <v>100.4</v>
      </c>
      <c r="AF10" s="351">
        <v>0.4</v>
      </c>
      <c r="AG10" s="351">
        <v>98.3</v>
      </c>
      <c r="AH10" s="351">
        <v>2.7</v>
      </c>
      <c r="AI10" s="351">
        <v>95</v>
      </c>
      <c r="AJ10" s="351">
        <v>-1.8</v>
      </c>
      <c r="AK10" s="159"/>
    </row>
    <row r="11" spans="1:37" s="326" customFormat="1" ht="14.25" customHeight="1" x14ac:dyDescent="0.15">
      <c r="A11" s="553"/>
      <c r="B11" s="615"/>
      <c r="C11" s="347" t="s">
        <v>188</v>
      </c>
      <c r="D11" s="348" t="s">
        <v>191</v>
      </c>
      <c r="E11" s="349">
        <v>106.7</v>
      </c>
      <c r="F11" s="350">
        <v>2</v>
      </c>
      <c r="G11" s="349">
        <v>128.5</v>
      </c>
      <c r="H11" s="349">
        <v>10.199999999999999</v>
      </c>
      <c r="I11" s="349">
        <v>112.7</v>
      </c>
      <c r="J11" s="349">
        <v>-0.3</v>
      </c>
      <c r="K11" s="349">
        <v>107.9</v>
      </c>
      <c r="L11" s="349">
        <v>12.4</v>
      </c>
      <c r="M11" s="349">
        <v>118.2</v>
      </c>
      <c r="N11" s="349">
        <v>-0.5</v>
      </c>
      <c r="O11" s="349">
        <v>96.6</v>
      </c>
      <c r="P11" s="349">
        <v>2</v>
      </c>
      <c r="Q11" s="349">
        <v>95.1</v>
      </c>
      <c r="R11" s="349">
        <v>-6.6</v>
      </c>
      <c r="S11" s="349">
        <v>100.9</v>
      </c>
      <c r="T11" s="349">
        <v>5.8</v>
      </c>
      <c r="U11" s="349">
        <v>110.7</v>
      </c>
      <c r="V11" s="349">
        <v>-10.1</v>
      </c>
      <c r="W11" s="349">
        <v>114.9</v>
      </c>
      <c r="X11" s="349">
        <v>5.8</v>
      </c>
      <c r="Y11" s="349">
        <v>118.4</v>
      </c>
      <c r="Z11" s="349">
        <v>-11.6</v>
      </c>
      <c r="AA11" s="349">
        <v>110.5</v>
      </c>
      <c r="AB11" s="349">
        <v>4</v>
      </c>
      <c r="AC11" s="349">
        <v>100.5</v>
      </c>
      <c r="AD11" s="349">
        <v>3</v>
      </c>
      <c r="AE11" s="349">
        <v>109.3</v>
      </c>
      <c r="AF11" s="349">
        <v>8.9</v>
      </c>
      <c r="AG11" s="349">
        <v>106.7</v>
      </c>
      <c r="AH11" s="349">
        <v>9</v>
      </c>
      <c r="AI11" s="349">
        <v>106.7</v>
      </c>
      <c r="AJ11" s="349">
        <v>12.1</v>
      </c>
      <c r="AK11" s="159"/>
    </row>
    <row r="12" spans="1:37" s="326" customFormat="1" ht="14.25" customHeight="1" x14ac:dyDescent="0.15">
      <c r="A12" s="553"/>
      <c r="B12" s="615"/>
      <c r="C12" s="347" t="s">
        <v>188</v>
      </c>
      <c r="D12" s="348" t="s">
        <v>192</v>
      </c>
      <c r="E12" s="351">
        <v>109.6</v>
      </c>
      <c r="F12" s="352">
        <v>2.7</v>
      </c>
      <c r="G12" s="351">
        <v>119</v>
      </c>
      <c r="H12" s="351">
        <v>-7.4</v>
      </c>
      <c r="I12" s="351">
        <v>117.3</v>
      </c>
      <c r="J12" s="351">
        <v>4.0999999999999996</v>
      </c>
      <c r="K12" s="351">
        <v>108.6</v>
      </c>
      <c r="L12" s="351">
        <v>0.6</v>
      </c>
      <c r="M12" s="351">
        <v>122.6</v>
      </c>
      <c r="N12" s="351">
        <v>3.7</v>
      </c>
      <c r="O12" s="351">
        <v>98.6</v>
      </c>
      <c r="P12" s="351">
        <v>2.1</v>
      </c>
      <c r="Q12" s="351">
        <v>96.9</v>
      </c>
      <c r="R12" s="351">
        <v>1.9</v>
      </c>
      <c r="S12" s="351">
        <v>115.1</v>
      </c>
      <c r="T12" s="351">
        <v>14.1</v>
      </c>
      <c r="U12" s="351">
        <v>118.7</v>
      </c>
      <c r="V12" s="351">
        <v>7.2</v>
      </c>
      <c r="W12" s="351">
        <v>111.2</v>
      </c>
      <c r="X12" s="351">
        <v>-3.2</v>
      </c>
      <c r="Y12" s="351">
        <v>121.1</v>
      </c>
      <c r="Z12" s="351">
        <v>2.2999999999999998</v>
      </c>
      <c r="AA12" s="351">
        <v>122.8</v>
      </c>
      <c r="AB12" s="351">
        <v>11.1</v>
      </c>
      <c r="AC12" s="351">
        <v>115.6</v>
      </c>
      <c r="AD12" s="351">
        <v>15</v>
      </c>
      <c r="AE12" s="351">
        <v>108.9</v>
      </c>
      <c r="AF12" s="351">
        <v>-0.4</v>
      </c>
      <c r="AG12" s="351">
        <v>109</v>
      </c>
      <c r="AH12" s="351">
        <v>2.2000000000000002</v>
      </c>
      <c r="AI12" s="351">
        <v>115.1</v>
      </c>
      <c r="AJ12" s="351">
        <v>7.9</v>
      </c>
      <c r="AK12" s="159"/>
    </row>
    <row r="13" spans="1:37" s="326" customFormat="1" ht="14.25" customHeight="1" x14ac:dyDescent="0.15">
      <c r="A13" s="553"/>
      <c r="B13" s="615"/>
      <c r="C13" s="347"/>
      <c r="D13" s="348"/>
      <c r="E13" s="351"/>
      <c r="F13" s="352"/>
      <c r="G13" s="351"/>
      <c r="H13" s="351"/>
      <c r="I13" s="351"/>
      <c r="J13" s="351"/>
      <c r="K13" s="351"/>
      <c r="L13" s="351"/>
      <c r="M13" s="351"/>
      <c r="N13" s="351"/>
      <c r="O13" s="351"/>
      <c r="P13" s="351"/>
      <c r="Q13" s="351"/>
      <c r="R13" s="351"/>
      <c r="S13" s="351"/>
      <c r="T13" s="351"/>
      <c r="U13" s="351"/>
      <c r="V13" s="351"/>
      <c r="W13" s="351"/>
      <c r="X13" s="351"/>
      <c r="Y13" s="351"/>
      <c r="Z13" s="351"/>
      <c r="AA13" s="351"/>
      <c r="AB13" s="351"/>
      <c r="AC13" s="351"/>
      <c r="AD13" s="351"/>
      <c r="AE13" s="351"/>
      <c r="AF13" s="351"/>
      <c r="AG13" s="351"/>
      <c r="AH13" s="351"/>
      <c r="AI13" s="351"/>
      <c r="AJ13" s="351"/>
      <c r="AK13" s="159"/>
    </row>
    <row r="14" spans="1:37" s="326" customFormat="1" ht="15" customHeight="1" x14ac:dyDescent="0.15">
      <c r="A14" s="553"/>
      <c r="B14" s="615"/>
      <c r="C14" s="347" t="s">
        <v>193</v>
      </c>
      <c r="D14" s="348" t="s">
        <v>194</v>
      </c>
      <c r="E14" s="349">
        <v>87.7</v>
      </c>
      <c r="F14" s="350">
        <v>0.6</v>
      </c>
      <c r="G14" s="349">
        <v>95</v>
      </c>
      <c r="H14" s="349">
        <v>-10.9</v>
      </c>
      <c r="I14" s="349">
        <v>90.5</v>
      </c>
      <c r="J14" s="349">
        <v>2</v>
      </c>
      <c r="K14" s="349">
        <v>78.900000000000006</v>
      </c>
      <c r="L14" s="349">
        <v>-9.1999999999999993</v>
      </c>
      <c r="M14" s="349">
        <v>92.3</v>
      </c>
      <c r="N14" s="349">
        <v>7.1</v>
      </c>
      <c r="O14" s="349">
        <v>83.1</v>
      </c>
      <c r="P14" s="349">
        <v>0.7</v>
      </c>
      <c r="Q14" s="349">
        <v>79.7</v>
      </c>
      <c r="R14" s="349">
        <v>0.1</v>
      </c>
      <c r="S14" s="349">
        <v>90.9</v>
      </c>
      <c r="T14" s="349">
        <v>24.9</v>
      </c>
      <c r="U14" s="349">
        <v>93.4</v>
      </c>
      <c r="V14" s="349">
        <v>9</v>
      </c>
      <c r="W14" s="349">
        <v>81.2</v>
      </c>
      <c r="X14" s="349">
        <v>-1</v>
      </c>
      <c r="Y14" s="349">
        <v>114</v>
      </c>
      <c r="Z14" s="349">
        <v>-1</v>
      </c>
      <c r="AA14" s="349">
        <v>98.6</v>
      </c>
      <c r="AB14" s="349">
        <v>-9.1</v>
      </c>
      <c r="AC14" s="349">
        <v>82.9</v>
      </c>
      <c r="AD14" s="349">
        <v>9.4</v>
      </c>
      <c r="AE14" s="349">
        <v>92.4</v>
      </c>
      <c r="AF14" s="349">
        <v>-4.8</v>
      </c>
      <c r="AG14" s="349">
        <v>83.5</v>
      </c>
      <c r="AH14" s="349">
        <v>-1.9</v>
      </c>
      <c r="AI14" s="349">
        <v>96.1</v>
      </c>
      <c r="AJ14" s="349">
        <v>9.1999999999999993</v>
      </c>
      <c r="AK14" s="159"/>
    </row>
    <row r="15" spans="1:37" s="326" customFormat="1" ht="15" customHeight="1" x14ac:dyDescent="0.15">
      <c r="A15" s="553"/>
      <c r="B15" s="615"/>
      <c r="C15" s="347"/>
      <c r="D15" s="348" t="s">
        <v>195</v>
      </c>
      <c r="E15" s="351">
        <v>85.7</v>
      </c>
      <c r="F15" s="352">
        <v>-1.4</v>
      </c>
      <c r="G15" s="351">
        <v>96</v>
      </c>
      <c r="H15" s="351">
        <v>-11.6</v>
      </c>
      <c r="I15" s="351">
        <v>89</v>
      </c>
      <c r="J15" s="351">
        <v>2.8</v>
      </c>
      <c r="K15" s="351">
        <v>79</v>
      </c>
      <c r="L15" s="351">
        <v>-10.1</v>
      </c>
      <c r="M15" s="351">
        <v>89.5</v>
      </c>
      <c r="N15" s="351">
        <v>6.9</v>
      </c>
      <c r="O15" s="351">
        <v>80.900000000000006</v>
      </c>
      <c r="P15" s="351">
        <v>6.3</v>
      </c>
      <c r="Q15" s="351">
        <v>75.8</v>
      </c>
      <c r="R15" s="351">
        <v>-3.1</v>
      </c>
      <c r="S15" s="351">
        <v>84.3</v>
      </c>
      <c r="T15" s="351">
        <v>17.7</v>
      </c>
      <c r="U15" s="351">
        <v>87.1</v>
      </c>
      <c r="V15" s="351">
        <v>6.1</v>
      </c>
      <c r="W15" s="351">
        <v>81.8</v>
      </c>
      <c r="X15" s="351">
        <v>-6.3</v>
      </c>
      <c r="Y15" s="351">
        <v>109.4</v>
      </c>
      <c r="Z15" s="351">
        <v>-14</v>
      </c>
      <c r="AA15" s="351">
        <v>94.2</v>
      </c>
      <c r="AB15" s="351">
        <v>-2.6</v>
      </c>
      <c r="AC15" s="351">
        <v>82.3</v>
      </c>
      <c r="AD15" s="351">
        <v>4.8</v>
      </c>
      <c r="AE15" s="351">
        <v>91.2</v>
      </c>
      <c r="AF15" s="351">
        <v>-4.4000000000000004</v>
      </c>
      <c r="AG15" s="351">
        <v>85.6</v>
      </c>
      <c r="AH15" s="351">
        <v>0</v>
      </c>
      <c r="AI15" s="351">
        <v>92.8</v>
      </c>
      <c r="AJ15" s="351">
        <v>0</v>
      </c>
      <c r="AK15" s="159"/>
    </row>
    <row r="16" spans="1:37" s="326" customFormat="1" ht="15" customHeight="1" x14ac:dyDescent="0.15">
      <c r="A16" s="553"/>
      <c r="B16" s="615"/>
      <c r="C16" s="347"/>
      <c r="D16" s="348" t="s">
        <v>196</v>
      </c>
      <c r="E16" s="349">
        <v>92.1</v>
      </c>
      <c r="F16" s="350">
        <v>2.9</v>
      </c>
      <c r="G16" s="349">
        <v>98.9</v>
      </c>
      <c r="H16" s="349">
        <v>-8.6999999999999993</v>
      </c>
      <c r="I16" s="349">
        <v>93.6</v>
      </c>
      <c r="J16" s="349">
        <v>0.9</v>
      </c>
      <c r="K16" s="349">
        <v>86.8</v>
      </c>
      <c r="L16" s="349">
        <v>-4.3</v>
      </c>
      <c r="M16" s="349">
        <v>95.2</v>
      </c>
      <c r="N16" s="349">
        <v>6.6</v>
      </c>
      <c r="O16" s="349">
        <v>86.5</v>
      </c>
      <c r="P16" s="349">
        <v>7.1</v>
      </c>
      <c r="Q16" s="349">
        <v>82.5</v>
      </c>
      <c r="R16" s="349">
        <v>-2.4</v>
      </c>
      <c r="S16" s="349">
        <v>99.3</v>
      </c>
      <c r="T16" s="349">
        <v>29.8</v>
      </c>
      <c r="U16" s="349">
        <v>91</v>
      </c>
      <c r="V16" s="349">
        <v>5.2</v>
      </c>
      <c r="W16" s="349">
        <v>85.3</v>
      </c>
      <c r="X16" s="349">
        <v>-0.6</v>
      </c>
      <c r="Y16" s="349">
        <v>119.3</v>
      </c>
      <c r="Z16" s="349">
        <v>5.7</v>
      </c>
      <c r="AA16" s="349">
        <v>100.4</v>
      </c>
      <c r="AB16" s="349">
        <v>-0.4</v>
      </c>
      <c r="AC16" s="349">
        <v>92.3</v>
      </c>
      <c r="AD16" s="349">
        <v>26.6</v>
      </c>
      <c r="AE16" s="349">
        <v>98.1</v>
      </c>
      <c r="AF16" s="349">
        <v>0.1</v>
      </c>
      <c r="AG16" s="349">
        <v>90.4</v>
      </c>
      <c r="AH16" s="349">
        <v>5.6</v>
      </c>
      <c r="AI16" s="349">
        <v>102.1</v>
      </c>
      <c r="AJ16" s="349">
        <v>6.8</v>
      </c>
      <c r="AK16" s="159"/>
    </row>
    <row r="17" spans="1:37" s="326" customFormat="1" ht="15" customHeight="1" x14ac:dyDescent="0.15">
      <c r="A17" s="553"/>
      <c r="B17" s="615"/>
      <c r="C17" s="347"/>
      <c r="D17" s="348" t="s">
        <v>197</v>
      </c>
      <c r="E17" s="351">
        <v>92.8</v>
      </c>
      <c r="F17" s="352">
        <v>0.2</v>
      </c>
      <c r="G17" s="351">
        <v>103.5</v>
      </c>
      <c r="H17" s="351">
        <v>-14</v>
      </c>
      <c r="I17" s="351">
        <v>96</v>
      </c>
      <c r="J17" s="351">
        <v>2.8</v>
      </c>
      <c r="K17" s="351">
        <v>80.599999999999994</v>
      </c>
      <c r="L17" s="351">
        <v>-12.8</v>
      </c>
      <c r="M17" s="351">
        <v>97.1</v>
      </c>
      <c r="N17" s="351">
        <v>1.6</v>
      </c>
      <c r="O17" s="351">
        <v>92.1</v>
      </c>
      <c r="P17" s="351">
        <v>-5.9</v>
      </c>
      <c r="Q17" s="351">
        <v>80.5</v>
      </c>
      <c r="R17" s="351">
        <v>-5</v>
      </c>
      <c r="S17" s="351">
        <v>101.1</v>
      </c>
      <c r="T17" s="351">
        <v>30.1</v>
      </c>
      <c r="U17" s="351">
        <v>96.3</v>
      </c>
      <c r="V17" s="351">
        <v>-3.5</v>
      </c>
      <c r="W17" s="351">
        <v>87.5</v>
      </c>
      <c r="X17" s="351">
        <v>2.2999999999999998</v>
      </c>
      <c r="Y17" s="351">
        <v>115.9</v>
      </c>
      <c r="Z17" s="351">
        <v>-7.1</v>
      </c>
      <c r="AA17" s="351">
        <v>101.1</v>
      </c>
      <c r="AB17" s="351">
        <v>-1.7</v>
      </c>
      <c r="AC17" s="351">
        <v>89</v>
      </c>
      <c r="AD17" s="351">
        <v>17.100000000000001</v>
      </c>
      <c r="AE17" s="351">
        <v>99.8</v>
      </c>
      <c r="AF17" s="351">
        <v>1.4</v>
      </c>
      <c r="AG17" s="351">
        <v>91</v>
      </c>
      <c r="AH17" s="351">
        <v>2.5</v>
      </c>
      <c r="AI17" s="351">
        <v>97</v>
      </c>
      <c r="AJ17" s="351">
        <v>5.9</v>
      </c>
      <c r="AK17" s="159"/>
    </row>
    <row r="18" spans="1:37" s="326" customFormat="1" ht="15" customHeight="1" x14ac:dyDescent="0.15">
      <c r="A18" s="553"/>
      <c r="B18" s="615"/>
      <c r="C18" s="347"/>
      <c r="D18" s="348" t="s">
        <v>198</v>
      </c>
      <c r="E18" s="349">
        <v>92.3</v>
      </c>
      <c r="F18" s="350">
        <v>1.5</v>
      </c>
      <c r="G18" s="349">
        <v>99.6</v>
      </c>
      <c r="H18" s="349">
        <v>-9.4</v>
      </c>
      <c r="I18" s="349">
        <v>90.5</v>
      </c>
      <c r="J18" s="349">
        <v>2.8</v>
      </c>
      <c r="K18" s="349">
        <v>82.6</v>
      </c>
      <c r="L18" s="349">
        <v>-10</v>
      </c>
      <c r="M18" s="349">
        <v>98.4</v>
      </c>
      <c r="N18" s="349">
        <v>9.1</v>
      </c>
      <c r="O18" s="349">
        <v>85.2</v>
      </c>
      <c r="P18" s="349">
        <v>2.7</v>
      </c>
      <c r="Q18" s="349">
        <v>88</v>
      </c>
      <c r="R18" s="349">
        <v>1.3</v>
      </c>
      <c r="S18" s="349">
        <v>101.4</v>
      </c>
      <c r="T18" s="349">
        <v>31.9</v>
      </c>
      <c r="U18" s="349">
        <v>94.4</v>
      </c>
      <c r="V18" s="349">
        <v>6.3</v>
      </c>
      <c r="W18" s="349">
        <v>96.8</v>
      </c>
      <c r="X18" s="349">
        <v>2.7</v>
      </c>
      <c r="Y18" s="349">
        <v>117.1</v>
      </c>
      <c r="Z18" s="349">
        <v>2</v>
      </c>
      <c r="AA18" s="349">
        <v>104.7</v>
      </c>
      <c r="AB18" s="349">
        <v>6.8</v>
      </c>
      <c r="AC18" s="349">
        <v>83.8</v>
      </c>
      <c r="AD18" s="349">
        <v>9</v>
      </c>
      <c r="AE18" s="349">
        <v>95.3</v>
      </c>
      <c r="AF18" s="349">
        <v>-6.2</v>
      </c>
      <c r="AG18" s="349">
        <v>86</v>
      </c>
      <c r="AH18" s="349">
        <v>-0.3</v>
      </c>
      <c r="AI18" s="349">
        <v>99.4</v>
      </c>
      <c r="AJ18" s="349">
        <v>7.9</v>
      </c>
      <c r="AK18" s="159"/>
    </row>
    <row r="19" spans="1:37" s="326" customFormat="1" ht="15" customHeight="1" x14ac:dyDescent="0.15">
      <c r="A19" s="553"/>
      <c r="B19" s="615"/>
      <c r="C19" s="347"/>
      <c r="D19" s="348" t="s">
        <v>199</v>
      </c>
      <c r="E19" s="351">
        <v>163.19999999999999</v>
      </c>
      <c r="F19" s="352">
        <v>7.7</v>
      </c>
      <c r="G19" s="351">
        <v>215.1</v>
      </c>
      <c r="H19" s="351">
        <v>34.9</v>
      </c>
      <c r="I19" s="351">
        <v>175.3</v>
      </c>
      <c r="J19" s="351">
        <v>17.2</v>
      </c>
      <c r="K19" s="351">
        <v>218.9</v>
      </c>
      <c r="L19" s="351">
        <v>18.3</v>
      </c>
      <c r="M19" s="351">
        <v>242.5</v>
      </c>
      <c r="N19" s="351">
        <v>-2.6</v>
      </c>
      <c r="O19" s="351">
        <v>133.80000000000001</v>
      </c>
      <c r="P19" s="351">
        <v>0.2</v>
      </c>
      <c r="Q19" s="351">
        <v>118.2</v>
      </c>
      <c r="R19" s="351">
        <v>6.1</v>
      </c>
      <c r="S19" s="351">
        <v>189.7</v>
      </c>
      <c r="T19" s="351">
        <v>1.9</v>
      </c>
      <c r="U19" s="351">
        <v>221.2</v>
      </c>
      <c r="V19" s="351">
        <v>16.899999999999999</v>
      </c>
      <c r="W19" s="351">
        <v>157.1</v>
      </c>
      <c r="X19" s="351">
        <v>-12.5</v>
      </c>
      <c r="Y19" s="351">
        <v>119.9</v>
      </c>
      <c r="Z19" s="351">
        <v>-3.8</v>
      </c>
      <c r="AA19" s="351">
        <v>152.1</v>
      </c>
      <c r="AB19" s="351">
        <v>46</v>
      </c>
      <c r="AC19" s="351">
        <v>237.5</v>
      </c>
      <c r="AD19" s="351">
        <v>25.7</v>
      </c>
      <c r="AE19" s="351">
        <v>144.1</v>
      </c>
      <c r="AF19" s="351">
        <v>-0.4</v>
      </c>
      <c r="AG19" s="351">
        <v>198.3</v>
      </c>
      <c r="AH19" s="351">
        <v>10.7</v>
      </c>
      <c r="AI19" s="351">
        <v>151.9</v>
      </c>
      <c r="AJ19" s="351">
        <v>-1.9</v>
      </c>
      <c r="AK19" s="159"/>
    </row>
    <row r="20" spans="1:37" s="326" customFormat="1" ht="15" customHeight="1" x14ac:dyDescent="0.15">
      <c r="A20" s="553"/>
      <c r="B20" s="615"/>
      <c r="C20" s="347"/>
      <c r="D20" s="348" t="s">
        <v>200</v>
      </c>
      <c r="E20" s="349">
        <v>129.4</v>
      </c>
      <c r="F20" s="350">
        <v>1.8</v>
      </c>
      <c r="G20" s="349">
        <v>126.3</v>
      </c>
      <c r="H20" s="349">
        <v>-18.7</v>
      </c>
      <c r="I20" s="349">
        <v>157.4</v>
      </c>
      <c r="J20" s="349">
        <v>-1.9</v>
      </c>
      <c r="K20" s="349">
        <v>84.4</v>
      </c>
      <c r="L20" s="349">
        <v>-6.9</v>
      </c>
      <c r="M20" s="349">
        <v>110.8</v>
      </c>
      <c r="N20" s="349">
        <v>-0.1</v>
      </c>
      <c r="O20" s="349">
        <v>114</v>
      </c>
      <c r="P20" s="349">
        <v>9.6</v>
      </c>
      <c r="Q20" s="349">
        <v>128</v>
      </c>
      <c r="R20" s="349">
        <v>-4.5</v>
      </c>
      <c r="S20" s="349">
        <v>110.8</v>
      </c>
      <c r="T20" s="349">
        <v>14.2</v>
      </c>
      <c r="U20" s="349">
        <v>135.80000000000001</v>
      </c>
      <c r="V20" s="349">
        <v>24.6</v>
      </c>
      <c r="W20" s="349">
        <v>171.2</v>
      </c>
      <c r="X20" s="349">
        <v>6.7</v>
      </c>
      <c r="Y20" s="349">
        <v>136.6</v>
      </c>
      <c r="Z20" s="349">
        <v>7.6</v>
      </c>
      <c r="AA20" s="349">
        <v>142.1</v>
      </c>
      <c r="AB20" s="349">
        <v>13</v>
      </c>
      <c r="AC20" s="349">
        <v>96.5</v>
      </c>
      <c r="AD20" s="349">
        <v>4.9000000000000004</v>
      </c>
      <c r="AE20" s="349">
        <v>117.7</v>
      </c>
      <c r="AF20" s="349">
        <v>3.1</v>
      </c>
      <c r="AG20" s="349">
        <v>109.8</v>
      </c>
      <c r="AH20" s="349">
        <v>-3.1</v>
      </c>
      <c r="AI20" s="349">
        <v>136.9</v>
      </c>
      <c r="AJ20" s="349">
        <v>20.2</v>
      </c>
      <c r="AK20" s="159"/>
    </row>
    <row r="21" spans="1:37" s="326" customFormat="1" ht="15" customHeight="1" x14ac:dyDescent="0.15">
      <c r="A21" s="553"/>
      <c r="B21" s="615"/>
      <c r="C21" s="347"/>
      <c r="D21" s="348" t="s">
        <v>201</v>
      </c>
      <c r="E21" s="351">
        <v>91.1</v>
      </c>
      <c r="F21" s="352">
        <v>0.3</v>
      </c>
      <c r="G21" s="351">
        <v>106.4</v>
      </c>
      <c r="H21" s="351">
        <v>-9.1999999999999993</v>
      </c>
      <c r="I21" s="351">
        <v>92.7</v>
      </c>
      <c r="J21" s="351">
        <v>2.2999999999999998</v>
      </c>
      <c r="K21" s="351">
        <v>94.6</v>
      </c>
      <c r="L21" s="351">
        <v>3.7</v>
      </c>
      <c r="M21" s="351">
        <v>93.3</v>
      </c>
      <c r="N21" s="351">
        <v>5.5</v>
      </c>
      <c r="O21" s="351">
        <v>81.5</v>
      </c>
      <c r="P21" s="351">
        <v>-1.1000000000000001</v>
      </c>
      <c r="Q21" s="351">
        <v>81.599999999999994</v>
      </c>
      <c r="R21" s="351">
        <v>-1</v>
      </c>
      <c r="S21" s="351">
        <v>88.4</v>
      </c>
      <c r="T21" s="351">
        <v>11.8</v>
      </c>
      <c r="U21" s="351">
        <v>91.8</v>
      </c>
      <c r="V21" s="351">
        <v>4.8</v>
      </c>
      <c r="W21" s="351">
        <v>86.9</v>
      </c>
      <c r="X21" s="351">
        <v>-9.8000000000000007</v>
      </c>
      <c r="Y21" s="351">
        <v>122.2</v>
      </c>
      <c r="Z21" s="351">
        <v>10.9</v>
      </c>
      <c r="AA21" s="351">
        <v>127.4</v>
      </c>
      <c r="AB21" s="351">
        <v>24.8</v>
      </c>
      <c r="AC21" s="351">
        <v>84.1</v>
      </c>
      <c r="AD21" s="351">
        <v>12.3</v>
      </c>
      <c r="AE21" s="351">
        <v>96</v>
      </c>
      <c r="AF21" s="351">
        <v>-4.3</v>
      </c>
      <c r="AG21" s="351">
        <v>83.8</v>
      </c>
      <c r="AH21" s="351">
        <v>3.2</v>
      </c>
      <c r="AI21" s="351">
        <v>99.4</v>
      </c>
      <c r="AJ21" s="351">
        <v>5.2</v>
      </c>
      <c r="AK21" s="159"/>
    </row>
    <row r="22" spans="1:37" s="326" customFormat="1" ht="15" customHeight="1" x14ac:dyDescent="0.15">
      <c r="A22" s="553"/>
      <c r="B22" s="615"/>
      <c r="C22" s="347"/>
      <c r="D22" s="348" t="s">
        <v>202</v>
      </c>
      <c r="E22" s="349">
        <v>91</v>
      </c>
      <c r="F22" s="350">
        <v>1.8</v>
      </c>
      <c r="G22" s="349">
        <v>98.4</v>
      </c>
      <c r="H22" s="349">
        <v>-9.6</v>
      </c>
      <c r="I22" s="349">
        <v>94.5</v>
      </c>
      <c r="J22" s="349">
        <v>2.4</v>
      </c>
      <c r="K22" s="349">
        <v>81.900000000000006</v>
      </c>
      <c r="L22" s="349">
        <v>-10.8</v>
      </c>
      <c r="M22" s="349">
        <v>92.2</v>
      </c>
      <c r="N22" s="349">
        <v>5.5</v>
      </c>
      <c r="O22" s="349">
        <v>84.8</v>
      </c>
      <c r="P22" s="349">
        <v>1.8</v>
      </c>
      <c r="Q22" s="349">
        <v>82.6</v>
      </c>
      <c r="R22" s="349">
        <v>-1.2</v>
      </c>
      <c r="S22" s="349">
        <v>91.4</v>
      </c>
      <c r="T22" s="349">
        <v>8.6</v>
      </c>
      <c r="U22" s="349">
        <v>89.2</v>
      </c>
      <c r="V22" s="349">
        <v>-5.6</v>
      </c>
      <c r="W22" s="349">
        <v>86.7</v>
      </c>
      <c r="X22" s="349">
        <v>-0.5</v>
      </c>
      <c r="Y22" s="349">
        <v>115.5</v>
      </c>
      <c r="Z22" s="349">
        <v>9.8000000000000007</v>
      </c>
      <c r="AA22" s="349">
        <v>123.2</v>
      </c>
      <c r="AB22" s="349">
        <v>21.7</v>
      </c>
      <c r="AC22" s="349">
        <v>89</v>
      </c>
      <c r="AD22" s="349">
        <v>15.7</v>
      </c>
      <c r="AE22" s="349">
        <v>92.6</v>
      </c>
      <c r="AF22" s="349">
        <v>-1.5</v>
      </c>
      <c r="AG22" s="349">
        <v>82.8</v>
      </c>
      <c r="AH22" s="349">
        <v>-2.6</v>
      </c>
      <c r="AI22" s="349">
        <v>101.9</v>
      </c>
      <c r="AJ22" s="349">
        <v>7</v>
      </c>
      <c r="AK22" s="159"/>
    </row>
    <row r="23" spans="1:37" s="326" customFormat="1" ht="15" customHeight="1" x14ac:dyDescent="0.15">
      <c r="A23" s="553"/>
      <c r="B23" s="615"/>
      <c r="C23" s="347"/>
      <c r="D23" s="348" t="s">
        <v>203</v>
      </c>
      <c r="E23" s="351">
        <v>94.2</v>
      </c>
      <c r="F23" s="352">
        <v>4</v>
      </c>
      <c r="G23" s="351">
        <v>100.8</v>
      </c>
      <c r="H23" s="351">
        <v>-7.9</v>
      </c>
      <c r="I23" s="351">
        <v>94.3</v>
      </c>
      <c r="J23" s="351">
        <v>4</v>
      </c>
      <c r="K23" s="351">
        <v>102.1</v>
      </c>
      <c r="L23" s="351">
        <v>8.5</v>
      </c>
      <c r="M23" s="351">
        <v>96.4</v>
      </c>
      <c r="N23" s="351">
        <v>1.4</v>
      </c>
      <c r="O23" s="351">
        <v>93.2</v>
      </c>
      <c r="P23" s="351">
        <v>-0.9</v>
      </c>
      <c r="Q23" s="351">
        <v>87.9</v>
      </c>
      <c r="R23" s="351">
        <v>2.9</v>
      </c>
      <c r="S23" s="351">
        <v>93.4</v>
      </c>
      <c r="T23" s="351">
        <v>13.1</v>
      </c>
      <c r="U23" s="351">
        <v>97.5</v>
      </c>
      <c r="V23" s="351">
        <v>5.3</v>
      </c>
      <c r="W23" s="351">
        <v>90.5</v>
      </c>
      <c r="X23" s="351">
        <v>0.4</v>
      </c>
      <c r="Y23" s="351">
        <v>117.6</v>
      </c>
      <c r="Z23" s="351">
        <v>10.6</v>
      </c>
      <c r="AA23" s="351">
        <v>128.4</v>
      </c>
      <c r="AB23" s="351">
        <v>25.5</v>
      </c>
      <c r="AC23" s="351">
        <v>90.7</v>
      </c>
      <c r="AD23" s="351">
        <v>13</v>
      </c>
      <c r="AE23" s="351">
        <v>96.5</v>
      </c>
      <c r="AF23" s="351">
        <v>4.3</v>
      </c>
      <c r="AG23" s="351">
        <v>91</v>
      </c>
      <c r="AH23" s="351">
        <v>10.4</v>
      </c>
      <c r="AI23" s="351">
        <v>101.6</v>
      </c>
      <c r="AJ23" s="351">
        <v>8</v>
      </c>
      <c r="AK23" s="159"/>
    </row>
    <row r="24" spans="1:37" s="326" customFormat="1" ht="15" customHeight="1" x14ac:dyDescent="0.15">
      <c r="A24" s="553"/>
      <c r="B24" s="615"/>
      <c r="C24" s="347"/>
      <c r="D24" s="348" t="s">
        <v>204</v>
      </c>
      <c r="E24" s="349">
        <v>96.4</v>
      </c>
      <c r="F24" s="350">
        <v>3</v>
      </c>
      <c r="G24" s="349">
        <v>99.6</v>
      </c>
      <c r="H24" s="349">
        <v>-18.2</v>
      </c>
      <c r="I24" s="349">
        <v>100.8</v>
      </c>
      <c r="J24" s="349">
        <v>5.2</v>
      </c>
      <c r="K24" s="349">
        <v>81.8</v>
      </c>
      <c r="L24" s="349">
        <v>-10.4</v>
      </c>
      <c r="M24" s="349">
        <v>97.3</v>
      </c>
      <c r="N24" s="349">
        <v>11.3</v>
      </c>
      <c r="O24" s="349">
        <v>83.6</v>
      </c>
      <c r="P24" s="349">
        <v>-3.1</v>
      </c>
      <c r="Q24" s="349">
        <v>87.5</v>
      </c>
      <c r="R24" s="349">
        <v>3.3</v>
      </c>
      <c r="S24" s="349">
        <v>97.5</v>
      </c>
      <c r="T24" s="349">
        <v>9.8000000000000007</v>
      </c>
      <c r="U24" s="349">
        <v>97.6</v>
      </c>
      <c r="V24" s="349">
        <v>14.3</v>
      </c>
      <c r="W24" s="349">
        <v>97.1</v>
      </c>
      <c r="X24" s="349">
        <v>3.1</v>
      </c>
      <c r="Y24" s="349">
        <v>119.2</v>
      </c>
      <c r="Z24" s="349">
        <v>5</v>
      </c>
      <c r="AA24" s="349">
        <v>129.69999999999999</v>
      </c>
      <c r="AB24" s="349">
        <v>23.4</v>
      </c>
      <c r="AC24" s="349">
        <v>86.2</v>
      </c>
      <c r="AD24" s="349">
        <v>12.4</v>
      </c>
      <c r="AE24" s="349">
        <v>107.9</v>
      </c>
      <c r="AF24" s="349">
        <v>0.7</v>
      </c>
      <c r="AG24" s="349">
        <v>83.4</v>
      </c>
      <c r="AH24" s="349">
        <v>-7.7</v>
      </c>
      <c r="AI24" s="349">
        <v>102.5</v>
      </c>
      <c r="AJ24" s="349">
        <v>10.9</v>
      </c>
      <c r="AK24" s="159"/>
    </row>
    <row r="25" spans="1:37" s="326" customFormat="1" ht="15" customHeight="1" x14ac:dyDescent="0.15">
      <c r="A25" s="553"/>
      <c r="B25" s="615"/>
      <c r="C25" s="347"/>
      <c r="D25" s="348" t="s">
        <v>205</v>
      </c>
      <c r="E25" s="351">
        <v>199.8</v>
      </c>
      <c r="F25" s="352">
        <v>4.8</v>
      </c>
      <c r="G25" s="351">
        <v>188.5</v>
      </c>
      <c r="H25" s="351">
        <v>-12.9</v>
      </c>
      <c r="I25" s="351">
        <v>233.1</v>
      </c>
      <c r="J25" s="351">
        <v>4.4000000000000004</v>
      </c>
      <c r="K25" s="351">
        <v>231.7</v>
      </c>
      <c r="L25" s="351">
        <v>15.2</v>
      </c>
      <c r="M25" s="351">
        <v>265.7</v>
      </c>
      <c r="N25" s="351">
        <v>4</v>
      </c>
      <c r="O25" s="351">
        <v>164.5</v>
      </c>
      <c r="P25" s="351">
        <v>5.7</v>
      </c>
      <c r="Q25" s="351">
        <v>170.1</v>
      </c>
      <c r="R25" s="351">
        <v>17.2</v>
      </c>
      <c r="S25" s="351">
        <v>233.5</v>
      </c>
      <c r="T25" s="351">
        <v>7.3</v>
      </c>
      <c r="U25" s="351">
        <v>229.5</v>
      </c>
      <c r="V25" s="351">
        <v>1.3</v>
      </c>
      <c r="W25" s="351">
        <v>212.8</v>
      </c>
      <c r="X25" s="351">
        <v>-9.8000000000000007</v>
      </c>
      <c r="Y25" s="351">
        <v>146.69999999999999</v>
      </c>
      <c r="Z25" s="351">
        <v>5.3</v>
      </c>
      <c r="AA25" s="351">
        <v>171.4</v>
      </c>
      <c r="AB25" s="351">
        <v>-3.8</v>
      </c>
      <c r="AC25" s="351">
        <v>272.5</v>
      </c>
      <c r="AD25" s="351">
        <v>15.5</v>
      </c>
      <c r="AE25" s="351">
        <v>175.6</v>
      </c>
      <c r="AF25" s="351">
        <v>4.7</v>
      </c>
      <c r="AG25" s="351">
        <v>222.5</v>
      </c>
      <c r="AH25" s="351">
        <v>2.1</v>
      </c>
      <c r="AI25" s="351">
        <v>199.7</v>
      </c>
      <c r="AJ25" s="351">
        <v>14.1</v>
      </c>
      <c r="AK25" s="159"/>
    </row>
    <row r="26" spans="1:37" s="326" customFormat="1" ht="14.25" customHeight="1" x14ac:dyDescent="0.15">
      <c r="A26" s="553"/>
      <c r="B26" s="615"/>
      <c r="C26" s="347"/>
      <c r="D26" s="348"/>
      <c r="E26" s="351"/>
      <c r="F26" s="352"/>
      <c r="G26" s="351"/>
      <c r="H26" s="351"/>
      <c r="I26" s="351"/>
      <c r="J26" s="351"/>
      <c r="K26" s="351"/>
      <c r="L26" s="351"/>
      <c r="M26" s="351"/>
      <c r="N26" s="351"/>
      <c r="O26" s="351"/>
      <c r="P26" s="351"/>
      <c r="Q26" s="351"/>
      <c r="R26" s="351"/>
      <c r="S26" s="351"/>
      <c r="T26" s="351"/>
      <c r="U26" s="351"/>
      <c r="V26" s="351"/>
      <c r="W26" s="351"/>
      <c r="X26" s="351"/>
      <c r="Y26" s="351"/>
      <c r="Z26" s="351"/>
      <c r="AA26" s="351"/>
      <c r="AB26" s="351"/>
      <c r="AC26" s="351"/>
      <c r="AD26" s="351"/>
      <c r="AE26" s="351"/>
      <c r="AF26" s="351"/>
      <c r="AG26" s="351"/>
      <c r="AH26" s="351"/>
      <c r="AI26" s="351"/>
      <c r="AJ26" s="351"/>
      <c r="AK26" s="159"/>
    </row>
    <row r="27" spans="1:37" s="326" customFormat="1" ht="14.25" customHeight="1" x14ac:dyDescent="0.15">
      <c r="A27" s="553"/>
      <c r="B27" s="615"/>
      <c r="C27" s="347" t="s">
        <v>206</v>
      </c>
      <c r="D27" s="348" t="s">
        <v>194</v>
      </c>
      <c r="E27" s="349">
        <v>92.1</v>
      </c>
      <c r="F27" s="350">
        <v>5</v>
      </c>
      <c r="G27" s="349">
        <v>108.3</v>
      </c>
      <c r="H27" s="349">
        <v>14</v>
      </c>
      <c r="I27" s="349">
        <v>93.6</v>
      </c>
      <c r="J27" s="349">
        <v>3.4</v>
      </c>
      <c r="K27" s="349">
        <v>85.7</v>
      </c>
      <c r="L27" s="349">
        <v>8.6</v>
      </c>
      <c r="M27" s="349">
        <v>93.5</v>
      </c>
      <c r="N27" s="349">
        <v>1.3</v>
      </c>
      <c r="O27" s="349">
        <v>81.3</v>
      </c>
      <c r="P27" s="349">
        <v>-2.2000000000000002</v>
      </c>
      <c r="Q27" s="349">
        <v>88.3</v>
      </c>
      <c r="R27" s="349">
        <v>10.8</v>
      </c>
      <c r="S27" s="349">
        <v>92.8</v>
      </c>
      <c r="T27" s="349">
        <v>2.1</v>
      </c>
      <c r="U27" s="349">
        <v>97.3</v>
      </c>
      <c r="V27" s="349">
        <v>4.2</v>
      </c>
      <c r="W27" s="349">
        <v>84.2</v>
      </c>
      <c r="X27" s="349">
        <v>3.7</v>
      </c>
      <c r="Y27" s="349">
        <v>126.2</v>
      </c>
      <c r="Z27" s="349">
        <v>10.7</v>
      </c>
      <c r="AA27" s="349">
        <v>123.2</v>
      </c>
      <c r="AB27" s="349">
        <v>24.9</v>
      </c>
      <c r="AC27" s="349">
        <v>89.7</v>
      </c>
      <c r="AD27" s="349">
        <v>8.1999999999999993</v>
      </c>
      <c r="AE27" s="349">
        <v>93.2</v>
      </c>
      <c r="AF27" s="349">
        <v>0.9</v>
      </c>
      <c r="AG27" s="349">
        <v>90.7</v>
      </c>
      <c r="AH27" s="349">
        <v>8.6</v>
      </c>
      <c r="AI27" s="349">
        <v>98.5</v>
      </c>
      <c r="AJ27" s="349">
        <v>2.5</v>
      </c>
      <c r="AK27" s="159"/>
    </row>
    <row r="28" spans="1:37" s="326" customFormat="1" ht="11.25" customHeight="1" x14ac:dyDescent="0.15">
      <c r="A28" s="553"/>
      <c r="B28" s="557"/>
      <c r="C28" s="353"/>
      <c r="D28" s="354"/>
      <c r="E28" s="351"/>
      <c r="F28" s="352"/>
      <c r="G28" s="351"/>
      <c r="H28" s="351"/>
      <c r="I28" s="351"/>
      <c r="J28" s="351"/>
      <c r="K28" s="351"/>
      <c r="L28" s="351"/>
      <c r="M28" s="351"/>
      <c r="N28" s="351"/>
      <c r="O28" s="351"/>
      <c r="P28" s="351"/>
      <c r="Q28" s="351"/>
      <c r="R28" s="351"/>
      <c r="S28" s="351"/>
      <c r="T28" s="351"/>
      <c r="U28" s="351"/>
      <c r="V28" s="351"/>
      <c r="W28" s="351"/>
      <c r="X28" s="351"/>
      <c r="Y28" s="351"/>
      <c r="Z28" s="351"/>
      <c r="AA28" s="351"/>
      <c r="AB28" s="351"/>
      <c r="AC28" s="351"/>
      <c r="AD28" s="351"/>
      <c r="AE28" s="351"/>
      <c r="AF28" s="351"/>
      <c r="AG28" s="351"/>
      <c r="AH28" s="351"/>
      <c r="AI28" s="351"/>
      <c r="AJ28" s="351"/>
      <c r="AK28" s="159"/>
    </row>
    <row r="29" spans="1:37" s="326" customFormat="1" ht="11.25" customHeight="1" x14ac:dyDescent="0.15">
      <c r="A29" s="553"/>
      <c r="B29" s="355"/>
      <c r="C29" s="356"/>
      <c r="D29" s="357"/>
      <c r="E29" s="358"/>
      <c r="F29" s="359"/>
      <c r="G29" s="358"/>
      <c r="H29" s="358"/>
      <c r="I29" s="358"/>
      <c r="J29" s="358"/>
      <c r="K29" s="358"/>
      <c r="L29" s="358"/>
      <c r="M29" s="358"/>
      <c r="N29" s="358"/>
      <c r="O29" s="358"/>
      <c r="P29" s="358"/>
      <c r="Q29" s="358"/>
      <c r="R29" s="358"/>
      <c r="S29" s="358"/>
      <c r="T29" s="358"/>
      <c r="U29" s="358"/>
      <c r="V29" s="358"/>
      <c r="W29" s="358"/>
      <c r="X29" s="358"/>
      <c r="Y29" s="358"/>
      <c r="Z29" s="358"/>
      <c r="AA29" s="358"/>
      <c r="AB29" s="358"/>
      <c r="AC29" s="358"/>
      <c r="AD29" s="358"/>
      <c r="AE29" s="358"/>
      <c r="AF29" s="358"/>
      <c r="AG29" s="358"/>
      <c r="AH29" s="358"/>
      <c r="AI29" s="358"/>
      <c r="AJ29" s="358"/>
      <c r="AK29" s="159"/>
    </row>
    <row r="30" spans="1:37" s="326" customFormat="1" ht="14.25" customHeight="1" x14ac:dyDescent="0.15">
      <c r="A30" s="553"/>
      <c r="B30" s="28"/>
      <c r="C30" s="347" t="s">
        <v>188</v>
      </c>
      <c r="D30" s="348" t="s">
        <v>189</v>
      </c>
      <c r="E30" s="349">
        <v>98.4</v>
      </c>
      <c r="F30" s="350">
        <v>-0.8</v>
      </c>
      <c r="G30" s="349">
        <v>106.8</v>
      </c>
      <c r="H30" s="349">
        <v>7.9</v>
      </c>
      <c r="I30" s="349">
        <v>98.9</v>
      </c>
      <c r="J30" s="349">
        <v>-5.2</v>
      </c>
      <c r="K30" s="349">
        <v>96.2</v>
      </c>
      <c r="L30" s="349">
        <v>1.6</v>
      </c>
      <c r="M30" s="349">
        <v>116.6</v>
      </c>
      <c r="N30" s="349">
        <v>8</v>
      </c>
      <c r="O30" s="349">
        <v>83.5</v>
      </c>
      <c r="P30" s="349">
        <v>-4.5</v>
      </c>
      <c r="Q30" s="349">
        <v>99</v>
      </c>
      <c r="R30" s="349">
        <v>2.4</v>
      </c>
      <c r="S30" s="349">
        <v>96.1</v>
      </c>
      <c r="T30" s="349">
        <v>-1.7</v>
      </c>
      <c r="U30" s="349">
        <v>132.69999999999999</v>
      </c>
      <c r="V30" s="349">
        <v>15.7</v>
      </c>
      <c r="W30" s="349">
        <v>108</v>
      </c>
      <c r="X30" s="349">
        <v>5.4</v>
      </c>
      <c r="Y30" s="349">
        <v>133.4</v>
      </c>
      <c r="Z30" s="349">
        <v>17.600000000000001</v>
      </c>
      <c r="AA30" s="349">
        <v>99.9</v>
      </c>
      <c r="AB30" s="349">
        <v>-3.4</v>
      </c>
      <c r="AC30" s="349">
        <v>82.7</v>
      </c>
      <c r="AD30" s="349">
        <v>-18.5</v>
      </c>
      <c r="AE30" s="349">
        <v>103.7</v>
      </c>
      <c r="AF30" s="349">
        <v>11</v>
      </c>
      <c r="AG30" s="349">
        <v>94.9</v>
      </c>
      <c r="AH30" s="349">
        <v>-3.9</v>
      </c>
      <c r="AI30" s="349">
        <v>92.1</v>
      </c>
      <c r="AJ30" s="349">
        <v>-4.7</v>
      </c>
      <c r="AK30" s="159"/>
    </row>
    <row r="31" spans="1:37" s="326" customFormat="1" ht="14.25" customHeight="1" x14ac:dyDescent="0.15">
      <c r="A31" s="553"/>
      <c r="B31" s="28"/>
      <c r="C31" s="347" t="s">
        <v>188</v>
      </c>
      <c r="D31" s="348" t="s">
        <v>190</v>
      </c>
      <c r="E31" s="351">
        <v>103.4</v>
      </c>
      <c r="F31" s="352">
        <v>5.0999999999999996</v>
      </c>
      <c r="G31" s="351">
        <v>106.5</v>
      </c>
      <c r="H31" s="351">
        <v>-0.3</v>
      </c>
      <c r="I31" s="351">
        <v>112.1</v>
      </c>
      <c r="J31" s="351">
        <v>13.3</v>
      </c>
      <c r="K31" s="351">
        <v>94.7</v>
      </c>
      <c r="L31" s="351">
        <v>-1.6</v>
      </c>
      <c r="M31" s="351">
        <v>118.6</v>
      </c>
      <c r="N31" s="351">
        <v>1.7</v>
      </c>
      <c r="O31" s="351">
        <v>88.5</v>
      </c>
      <c r="P31" s="351">
        <v>6</v>
      </c>
      <c r="Q31" s="351">
        <v>114.5</v>
      </c>
      <c r="R31" s="351">
        <v>15.7</v>
      </c>
      <c r="S31" s="351">
        <v>89</v>
      </c>
      <c r="T31" s="351">
        <v>-7.4</v>
      </c>
      <c r="U31" s="351">
        <v>137.9</v>
      </c>
      <c r="V31" s="351">
        <v>3.9</v>
      </c>
      <c r="W31" s="351">
        <v>109.7</v>
      </c>
      <c r="X31" s="351">
        <v>1.6</v>
      </c>
      <c r="Y31" s="351">
        <v>158.1</v>
      </c>
      <c r="Z31" s="351">
        <v>18.5</v>
      </c>
      <c r="AA31" s="351">
        <v>109.2</v>
      </c>
      <c r="AB31" s="351">
        <v>9.3000000000000007</v>
      </c>
      <c r="AC31" s="351">
        <v>86.1</v>
      </c>
      <c r="AD31" s="351">
        <v>4.0999999999999996</v>
      </c>
      <c r="AE31" s="351">
        <v>100.1</v>
      </c>
      <c r="AF31" s="351">
        <v>-3.5</v>
      </c>
      <c r="AG31" s="351">
        <v>93.7</v>
      </c>
      <c r="AH31" s="351">
        <v>-1.3</v>
      </c>
      <c r="AI31" s="351">
        <v>89.3</v>
      </c>
      <c r="AJ31" s="351">
        <v>-3</v>
      </c>
      <c r="AK31" s="159"/>
    </row>
    <row r="32" spans="1:37" s="326" customFormat="1" ht="14.25" customHeight="1" x14ac:dyDescent="0.15">
      <c r="A32" s="553"/>
      <c r="B32" s="28"/>
      <c r="C32" s="347" t="s">
        <v>188</v>
      </c>
      <c r="D32" s="348" t="s">
        <v>191</v>
      </c>
      <c r="E32" s="349">
        <v>109.4</v>
      </c>
      <c r="F32" s="350">
        <v>3.8</v>
      </c>
      <c r="G32" s="349">
        <v>112.6</v>
      </c>
      <c r="H32" s="349">
        <v>4.8</v>
      </c>
      <c r="I32" s="349">
        <v>111</v>
      </c>
      <c r="J32" s="349">
        <v>-0.6</v>
      </c>
      <c r="K32" s="349">
        <v>107.2</v>
      </c>
      <c r="L32" s="349">
        <v>13.6</v>
      </c>
      <c r="M32" s="349">
        <v>118</v>
      </c>
      <c r="N32" s="349">
        <v>-0.3</v>
      </c>
      <c r="O32" s="349">
        <v>92.4</v>
      </c>
      <c r="P32" s="349">
        <v>5</v>
      </c>
      <c r="Q32" s="349">
        <v>106.3</v>
      </c>
      <c r="R32" s="349">
        <v>-6.5</v>
      </c>
      <c r="S32" s="349">
        <v>98.2</v>
      </c>
      <c r="T32" s="349">
        <v>9.6999999999999993</v>
      </c>
      <c r="U32" s="349">
        <v>122.4</v>
      </c>
      <c r="V32" s="349">
        <v>-5.4</v>
      </c>
      <c r="W32" s="349">
        <v>113.3</v>
      </c>
      <c r="X32" s="349">
        <v>3.8</v>
      </c>
      <c r="Y32" s="349">
        <v>138</v>
      </c>
      <c r="Z32" s="349">
        <v>-12.8</v>
      </c>
      <c r="AA32" s="349">
        <v>126.3</v>
      </c>
      <c r="AB32" s="349">
        <v>16.7</v>
      </c>
      <c r="AC32" s="349">
        <v>96.3</v>
      </c>
      <c r="AD32" s="349">
        <v>11.5</v>
      </c>
      <c r="AE32" s="349">
        <v>112</v>
      </c>
      <c r="AF32" s="349">
        <v>11.2</v>
      </c>
      <c r="AG32" s="349">
        <v>101.3</v>
      </c>
      <c r="AH32" s="349">
        <v>9.1999999999999993</v>
      </c>
      <c r="AI32" s="349">
        <v>105</v>
      </c>
      <c r="AJ32" s="349">
        <v>15.9</v>
      </c>
      <c r="AK32" s="159"/>
    </row>
    <row r="33" spans="1:37" s="326" customFormat="1" ht="14.25" customHeight="1" x14ac:dyDescent="0.15">
      <c r="A33" s="553"/>
      <c r="B33" s="159"/>
      <c r="C33" s="347" t="s">
        <v>188</v>
      </c>
      <c r="D33" s="348" t="s">
        <v>192</v>
      </c>
      <c r="E33" s="351">
        <v>113.9</v>
      </c>
      <c r="F33" s="352">
        <v>4.0999999999999996</v>
      </c>
      <c r="G33" s="351">
        <v>114.4</v>
      </c>
      <c r="H33" s="351">
        <v>1.6</v>
      </c>
      <c r="I33" s="351">
        <v>114.6</v>
      </c>
      <c r="J33" s="351">
        <v>3.2</v>
      </c>
      <c r="K33" s="351">
        <v>105.9</v>
      </c>
      <c r="L33" s="351">
        <v>-1.2</v>
      </c>
      <c r="M33" s="351">
        <v>124</v>
      </c>
      <c r="N33" s="351">
        <v>5.0999999999999996</v>
      </c>
      <c r="O33" s="351">
        <v>94.5</v>
      </c>
      <c r="P33" s="351">
        <v>2.2999999999999998</v>
      </c>
      <c r="Q33" s="351">
        <v>111.6</v>
      </c>
      <c r="R33" s="351">
        <v>5</v>
      </c>
      <c r="S33" s="351">
        <v>108.8</v>
      </c>
      <c r="T33" s="351">
        <v>10.8</v>
      </c>
      <c r="U33" s="351">
        <v>108.6</v>
      </c>
      <c r="V33" s="351">
        <v>-11.3</v>
      </c>
      <c r="W33" s="351">
        <v>109.2</v>
      </c>
      <c r="X33" s="351">
        <v>-3.6</v>
      </c>
      <c r="Y33" s="351">
        <v>150.30000000000001</v>
      </c>
      <c r="Z33" s="351">
        <v>8.9</v>
      </c>
      <c r="AA33" s="351">
        <v>130.6</v>
      </c>
      <c r="AB33" s="351">
        <v>3.4</v>
      </c>
      <c r="AC33" s="351">
        <v>108</v>
      </c>
      <c r="AD33" s="351">
        <v>12.1</v>
      </c>
      <c r="AE33" s="351">
        <v>113.8</v>
      </c>
      <c r="AF33" s="351">
        <v>1.6</v>
      </c>
      <c r="AG33" s="351">
        <v>102.9</v>
      </c>
      <c r="AH33" s="351">
        <v>1.6</v>
      </c>
      <c r="AI33" s="351">
        <v>117.8</v>
      </c>
      <c r="AJ33" s="351">
        <v>12.2</v>
      </c>
      <c r="AK33" s="159"/>
    </row>
    <row r="34" spans="1:37" s="326" customFormat="1" ht="14.25" customHeight="1" x14ac:dyDescent="0.15">
      <c r="A34" s="553"/>
      <c r="B34" s="159"/>
      <c r="C34" s="347"/>
      <c r="D34" s="348"/>
      <c r="E34" s="351"/>
      <c r="F34" s="352"/>
      <c r="G34" s="351"/>
      <c r="H34" s="351"/>
      <c r="I34" s="351"/>
      <c r="J34" s="351"/>
      <c r="K34" s="351"/>
      <c r="L34" s="351"/>
      <c r="M34" s="351"/>
      <c r="N34" s="351"/>
      <c r="O34" s="351"/>
      <c r="P34" s="351"/>
      <c r="Q34" s="351"/>
      <c r="R34" s="351"/>
      <c r="S34" s="351"/>
      <c r="T34" s="351"/>
      <c r="U34" s="351"/>
      <c r="V34" s="351"/>
      <c r="W34" s="351"/>
      <c r="X34" s="351"/>
      <c r="Y34" s="351"/>
      <c r="Z34" s="351"/>
      <c r="AA34" s="351"/>
      <c r="AB34" s="351"/>
      <c r="AC34" s="351"/>
      <c r="AD34" s="351"/>
      <c r="AE34" s="351"/>
      <c r="AF34" s="351"/>
      <c r="AG34" s="351"/>
      <c r="AH34" s="351"/>
      <c r="AI34" s="351"/>
      <c r="AJ34" s="351"/>
      <c r="AK34" s="159"/>
    </row>
    <row r="35" spans="1:37" s="326" customFormat="1" ht="15" customHeight="1" x14ac:dyDescent="0.15">
      <c r="A35" s="553"/>
      <c r="B35" s="616" t="s">
        <v>0</v>
      </c>
      <c r="C35" s="347" t="s">
        <v>193</v>
      </c>
      <c r="D35" s="348" t="s">
        <v>194</v>
      </c>
      <c r="E35" s="349">
        <v>89.3</v>
      </c>
      <c r="F35" s="350">
        <v>1.9</v>
      </c>
      <c r="G35" s="349">
        <v>84.6</v>
      </c>
      <c r="H35" s="349">
        <v>0</v>
      </c>
      <c r="I35" s="349">
        <v>88.3</v>
      </c>
      <c r="J35" s="349">
        <v>1.5</v>
      </c>
      <c r="K35" s="349">
        <v>79.099999999999994</v>
      </c>
      <c r="L35" s="349">
        <v>-9.1999999999999993</v>
      </c>
      <c r="M35" s="349">
        <v>92.3</v>
      </c>
      <c r="N35" s="349">
        <v>8</v>
      </c>
      <c r="O35" s="349">
        <v>79.3</v>
      </c>
      <c r="P35" s="349">
        <v>-2.1</v>
      </c>
      <c r="Q35" s="349">
        <v>87.6</v>
      </c>
      <c r="R35" s="349">
        <v>-2.7</v>
      </c>
      <c r="S35" s="349">
        <v>80</v>
      </c>
      <c r="T35" s="349">
        <v>9</v>
      </c>
      <c r="U35" s="349">
        <v>85.1</v>
      </c>
      <c r="V35" s="349">
        <v>-10.4</v>
      </c>
      <c r="W35" s="349">
        <v>79.3</v>
      </c>
      <c r="X35" s="349">
        <v>-1.1000000000000001</v>
      </c>
      <c r="Y35" s="349">
        <v>140.19999999999999</v>
      </c>
      <c r="Z35" s="349">
        <v>14.9</v>
      </c>
      <c r="AA35" s="349">
        <v>112.2</v>
      </c>
      <c r="AB35" s="349">
        <v>-10.9</v>
      </c>
      <c r="AC35" s="349">
        <v>78.3</v>
      </c>
      <c r="AD35" s="349">
        <v>12.7</v>
      </c>
      <c r="AE35" s="349">
        <v>94.7</v>
      </c>
      <c r="AF35" s="349">
        <v>-3.1</v>
      </c>
      <c r="AG35" s="360">
        <v>82.1</v>
      </c>
      <c r="AH35" s="360">
        <v>-20.2</v>
      </c>
      <c r="AI35" s="349">
        <v>99.3</v>
      </c>
      <c r="AJ35" s="349">
        <v>14.8</v>
      </c>
      <c r="AK35" s="159"/>
    </row>
    <row r="36" spans="1:37" s="326" customFormat="1" ht="15" customHeight="1" x14ac:dyDescent="0.15">
      <c r="A36" s="553"/>
      <c r="B36" s="616"/>
      <c r="C36" s="347"/>
      <c r="D36" s="348" t="s">
        <v>195</v>
      </c>
      <c r="E36" s="351">
        <v>87.4</v>
      </c>
      <c r="F36" s="352">
        <v>0.7</v>
      </c>
      <c r="G36" s="351">
        <v>86.4</v>
      </c>
      <c r="H36" s="351">
        <v>2</v>
      </c>
      <c r="I36" s="351">
        <v>86.3</v>
      </c>
      <c r="J36" s="351">
        <v>2.5</v>
      </c>
      <c r="K36" s="351">
        <v>78.8</v>
      </c>
      <c r="L36" s="351">
        <v>-11</v>
      </c>
      <c r="M36" s="351">
        <v>89.4</v>
      </c>
      <c r="N36" s="351">
        <v>8</v>
      </c>
      <c r="O36" s="351">
        <v>76.400000000000006</v>
      </c>
      <c r="P36" s="351">
        <v>6.9</v>
      </c>
      <c r="Q36" s="351">
        <v>84.1</v>
      </c>
      <c r="R36" s="351">
        <v>-1.8</v>
      </c>
      <c r="S36" s="351">
        <v>76.3</v>
      </c>
      <c r="T36" s="351">
        <v>6.1</v>
      </c>
      <c r="U36" s="351">
        <v>80.599999999999994</v>
      </c>
      <c r="V36" s="351">
        <v>-14.3</v>
      </c>
      <c r="W36" s="351">
        <v>80</v>
      </c>
      <c r="X36" s="351">
        <v>-7.4</v>
      </c>
      <c r="Y36" s="351">
        <v>131.69999999999999</v>
      </c>
      <c r="Z36" s="351">
        <v>-22.3</v>
      </c>
      <c r="AA36" s="351">
        <v>105.4</v>
      </c>
      <c r="AB36" s="351">
        <v>1.5</v>
      </c>
      <c r="AC36" s="351">
        <v>77.7</v>
      </c>
      <c r="AD36" s="351">
        <v>7.2</v>
      </c>
      <c r="AE36" s="351">
        <v>93.5</v>
      </c>
      <c r="AF36" s="351">
        <v>0.4</v>
      </c>
      <c r="AG36" s="361">
        <v>81.5</v>
      </c>
      <c r="AH36" s="361">
        <v>4.4000000000000004</v>
      </c>
      <c r="AI36" s="351">
        <v>96.5</v>
      </c>
      <c r="AJ36" s="351">
        <v>4.4000000000000004</v>
      </c>
      <c r="AK36" s="159"/>
    </row>
    <row r="37" spans="1:37" s="326" customFormat="1" ht="15" customHeight="1" x14ac:dyDescent="0.15">
      <c r="A37" s="553"/>
      <c r="B37" s="616"/>
      <c r="C37" s="347"/>
      <c r="D37" s="348" t="s">
        <v>196</v>
      </c>
      <c r="E37" s="349">
        <v>93.7</v>
      </c>
      <c r="F37" s="350">
        <v>4.5999999999999996</v>
      </c>
      <c r="G37" s="349">
        <v>91.8</v>
      </c>
      <c r="H37" s="349">
        <v>4</v>
      </c>
      <c r="I37" s="349">
        <v>90.6</v>
      </c>
      <c r="J37" s="349">
        <v>-0.5</v>
      </c>
      <c r="K37" s="349">
        <v>87.3</v>
      </c>
      <c r="L37" s="349">
        <v>-3.4</v>
      </c>
      <c r="M37" s="349">
        <v>95.7</v>
      </c>
      <c r="N37" s="349">
        <v>8</v>
      </c>
      <c r="O37" s="349">
        <v>83.3</v>
      </c>
      <c r="P37" s="349">
        <v>7.1</v>
      </c>
      <c r="Q37" s="349">
        <v>89.7</v>
      </c>
      <c r="R37" s="349">
        <v>-3.7</v>
      </c>
      <c r="S37" s="349">
        <v>92.9</v>
      </c>
      <c r="T37" s="349">
        <v>16.3</v>
      </c>
      <c r="U37" s="349">
        <v>81</v>
      </c>
      <c r="V37" s="349">
        <v>-19.399999999999999</v>
      </c>
      <c r="W37" s="349">
        <v>81.5</v>
      </c>
      <c r="X37" s="349">
        <v>-2</v>
      </c>
      <c r="Y37" s="349">
        <v>145.4</v>
      </c>
      <c r="Z37" s="349">
        <v>14.2</v>
      </c>
      <c r="AA37" s="349">
        <v>107.4</v>
      </c>
      <c r="AB37" s="349">
        <v>4.5</v>
      </c>
      <c r="AC37" s="349">
        <v>83.9</v>
      </c>
      <c r="AD37" s="349">
        <v>23.2</v>
      </c>
      <c r="AE37" s="349">
        <v>102.8</v>
      </c>
      <c r="AF37" s="349">
        <v>7</v>
      </c>
      <c r="AG37" s="360">
        <v>81.099999999999994</v>
      </c>
      <c r="AH37" s="360">
        <v>9.6</v>
      </c>
      <c r="AI37" s="349">
        <v>105.4</v>
      </c>
      <c r="AJ37" s="349">
        <v>10.4</v>
      </c>
      <c r="AK37" s="159"/>
    </row>
    <row r="38" spans="1:37" s="326" customFormat="1" ht="15" customHeight="1" x14ac:dyDescent="0.15">
      <c r="A38" s="553"/>
      <c r="B38" s="616"/>
      <c r="C38" s="347"/>
      <c r="D38" s="348" t="s">
        <v>197</v>
      </c>
      <c r="E38" s="351">
        <v>95.1</v>
      </c>
      <c r="F38" s="352">
        <v>2.4</v>
      </c>
      <c r="G38" s="351">
        <v>92.6</v>
      </c>
      <c r="H38" s="351">
        <v>-0.8</v>
      </c>
      <c r="I38" s="351">
        <v>93.7</v>
      </c>
      <c r="J38" s="351">
        <v>4.8</v>
      </c>
      <c r="K38" s="351">
        <v>79.7</v>
      </c>
      <c r="L38" s="351">
        <v>-14.4</v>
      </c>
      <c r="M38" s="351">
        <v>97.6</v>
      </c>
      <c r="N38" s="351">
        <v>2.7</v>
      </c>
      <c r="O38" s="351">
        <v>89.8</v>
      </c>
      <c r="P38" s="351">
        <v>-8.9</v>
      </c>
      <c r="Q38" s="351">
        <v>88.8</v>
      </c>
      <c r="R38" s="351">
        <v>-4.5</v>
      </c>
      <c r="S38" s="351">
        <v>100</v>
      </c>
      <c r="T38" s="351">
        <v>31.6</v>
      </c>
      <c r="U38" s="351">
        <v>90.3</v>
      </c>
      <c r="V38" s="351">
        <v>-30.5</v>
      </c>
      <c r="W38" s="351">
        <v>84.2</v>
      </c>
      <c r="X38" s="351">
        <v>1.1000000000000001</v>
      </c>
      <c r="Y38" s="351">
        <v>141.30000000000001</v>
      </c>
      <c r="Z38" s="351">
        <v>-12.7</v>
      </c>
      <c r="AA38" s="351">
        <v>114.8</v>
      </c>
      <c r="AB38" s="351">
        <v>5.7</v>
      </c>
      <c r="AC38" s="351">
        <v>84.2</v>
      </c>
      <c r="AD38" s="351">
        <v>16.899999999999999</v>
      </c>
      <c r="AE38" s="351">
        <v>102.2</v>
      </c>
      <c r="AF38" s="351">
        <v>3.8</v>
      </c>
      <c r="AG38" s="361">
        <v>88.6</v>
      </c>
      <c r="AH38" s="361">
        <v>0.6</v>
      </c>
      <c r="AI38" s="351">
        <v>100.9</v>
      </c>
      <c r="AJ38" s="351">
        <v>11</v>
      </c>
      <c r="AK38" s="159"/>
    </row>
    <row r="39" spans="1:37" s="326" customFormat="1" ht="15" customHeight="1" x14ac:dyDescent="0.15">
      <c r="A39" s="553"/>
      <c r="B39" s="616"/>
      <c r="C39" s="347"/>
      <c r="D39" s="348" t="s">
        <v>198</v>
      </c>
      <c r="E39" s="349">
        <v>92.6</v>
      </c>
      <c r="F39" s="350">
        <v>1.4</v>
      </c>
      <c r="G39" s="349">
        <v>92.1</v>
      </c>
      <c r="H39" s="349">
        <v>3.4</v>
      </c>
      <c r="I39" s="349">
        <v>88</v>
      </c>
      <c r="J39" s="349">
        <v>2.6</v>
      </c>
      <c r="K39" s="349">
        <v>80.599999999999994</v>
      </c>
      <c r="L39" s="349">
        <v>-11.9</v>
      </c>
      <c r="M39" s="349">
        <v>96.8</v>
      </c>
      <c r="N39" s="349">
        <v>8.9</v>
      </c>
      <c r="O39" s="349">
        <v>81</v>
      </c>
      <c r="P39" s="349">
        <v>2.2999999999999998</v>
      </c>
      <c r="Q39" s="349">
        <v>92.7</v>
      </c>
      <c r="R39" s="349">
        <v>-5.4</v>
      </c>
      <c r="S39" s="349">
        <v>86.1</v>
      </c>
      <c r="T39" s="349">
        <v>13.7</v>
      </c>
      <c r="U39" s="349">
        <v>84.9</v>
      </c>
      <c r="V39" s="349">
        <v>-12.5</v>
      </c>
      <c r="W39" s="349">
        <v>95</v>
      </c>
      <c r="X39" s="349">
        <v>1.7</v>
      </c>
      <c r="Y39" s="349">
        <v>138.6</v>
      </c>
      <c r="Z39" s="349">
        <v>13.3</v>
      </c>
      <c r="AA39" s="349">
        <v>116.3</v>
      </c>
      <c r="AB39" s="349">
        <v>8.4</v>
      </c>
      <c r="AC39" s="349">
        <v>78.400000000000006</v>
      </c>
      <c r="AD39" s="349">
        <v>6.5</v>
      </c>
      <c r="AE39" s="349">
        <v>95.3</v>
      </c>
      <c r="AF39" s="349">
        <v>-7.6</v>
      </c>
      <c r="AG39" s="360">
        <v>84.2</v>
      </c>
      <c r="AH39" s="360">
        <v>-0.9</v>
      </c>
      <c r="AI39" s="349">
        <v>100.7</v>
      </c>
      <c r="AJ39" s="349">
        <v>11.8</v>
      </c>
      <c r="AK39" s="159"/>
    </row>
    <row r="40" spans="1:37" s="326" customFormat="1" ht="15" customHeight="1" x14ac:dyDescent="0.15">
      <c r="A40" s="553"/>
      <c r="B40" s="362">
        <v>30</v>
      </c>
      <c r="C40" s="347"/>
      <c r="D40" s="348" t="s">
        <v>199</v>
      </c>
      <c r="E40" s="351">
        <v>177</v>
      </c>
      <c r="F40" s="352">
        <v>8.3000000000000007</v>
      </c>
      <c r="G40" s="351">
        <v>209.6</v>
      </c>
      <c r="H40" s="351">
        <v>10.5</v>
      </c>
      <c r="I40" s="351">
        <v>176.2</v>
      </c>
      <c r="J40" s="351">
        <v>15.8</v>
      </c>
      <c r="K40" s="351">
        <v>214.7</v>
      </c>
      <c r="L40" s="351">
        <v>17.8</v>
      </c>
      <c r="M40" s="351">
        <v>252.7</v>
      </c>
      <c r="N40" s="351">
        <v>1</v>
      </c>
      <c r="O40" s="351">
        <v>131.80000000000001</v>
      </c>
      <c r="P40" s="351">
        <v>4.0999999999999996</v>
      </c>
      <c r="Q40" s="351">
        <v>145.4</v>
      </c>
      <c r="R40" s="351">
        <v>15.9</v>
      </c>
      <c r="S40" s="351">
        <v>201.2</v>
      </c>
      <c r="T40" s="351">
        <v>8.1</v>
      </c>
      <c r="U40" s="351">
        <v>183.7</v>
      </c>
      <c r="V40" s="351">
        <v>-8.1999999999999993</v>
      </c>
      <c r="W40" s="351">
        <v>157.6</v>
      </c>
      <c r="X40" s="351">
        <v>-13.1</v>
      </c>
      <c r="Y40" s="351">
        <v>149.9</v>
      </c>
      <c r="Z40" s="351">
        <v>7.4</v>
      </c>
      <c r="AA40" s="351">
        <v>187.2</v>
      </c>
      <c r="AB40" s="351">
        <v>66.8</v>
      </c>
      <c r="AC40" s="351">
        <v>237.5</v>
      </c>
      <c r="AD40" s="351">
        <v>25.5</v>
      </c>
      <c r="AE40" s="351">
        <v>156</v>
      </c>
      <c r="AF40" s="351">
        <v>-1.6</v>
      </c>
      <c r="AG40" s="361">
        <v>187.2</v>
      </c>
      <c r="AH40" s="361">
        <v>3.2</v>
      </c>
      <c r="AI40" s="351">
        <v>151.80000000000001</v>
      </c>
      <c r="AJ40" s="351">
        <v>9.8000000000000007</v>
      </c>
      <c r="AK40" s="159"/>
    </row>
    <row r="41" spans="1:37" s="326" customFormat="1" ht="15" customHeight="1" x14ac:dyDescent="0.15">
      <c r="A41" s="553"/>
      <c r="B41" s="617" t="s">
        <v>163</v>
      </c>
      <c r="C41" s="347"/>
      <c r="D41" s="348" t="s">
        <v>200</v>
      </c>
      <c r="E41" s="349">
        <v>136.1</v>
      </c>
      <c r="F41" s="350">
        <v>5.3</v>
      </c>
      <c r="G41" s="349">
        <v>139.4</v>
      </c>
      <c r="H41" s="349">
        <v>6.3</v>
      </c>
      <c r="I41" s="349">
        <v>154.6</v>
      </c>
      <c r="J41" s="349">
        <v>-2.1</v>
      </c>
      <c r="K41" s="349">
        <v>81.2</v>
      </c>
      <c r="L41" s="349">
        <v>-9.3000000000000007</v>
      </c>
      <c r="M41" s="349">
        <v>110.6</v>
      </c>
      <c r="N41" s="349">
        <v>0.4</v>
      </c>
      <c r="O41" s="349">
        <v>107.8</v>
      </c>
      <c r="P41" s="349">
        <v>13</v>
      </c>
      <c r="Q41" s="349">
        <v>154.69999999999999</v>
      </c>
      <c r="R41" s="349">
        <v>3.2</v>
      </c>
      <c r="S41" s="349">
        <v>98.2</v>
      </c>
      <c r="T41" s="349">
        <v>14.1</v>
      </c>
      <c r="U41" s="349">
        <v>125.9</v>
      </c>
      <c r="V41" s="349">
        <v>6.6</v>
      </c>
      <c r="W41" s="349">
        <v>167.9</v>
      </c>
      <c r="X41" s="349">
        <v>5.9</v>
      </c>
      <c r="Y41" s="349">
        <v>174.8</v>
      </c>
      <c r="Z41" s="349">
        <v>11.1</v>
      </c>
      <c r="AA41" s="349">
        <v>155</v>
      </c>
      <c r="AB41" s="349">
        <v>-5.2</v>
      </c>
      <c r="AC41" s="349">
        <v>86.3</v>
      </c>
      <c r="AD41" s="349">
        <v>1.3</v>
      </c>
      <c r="AE41" s="349">
        <v>123.5</v>
      </c>
      <c r="AF41" s="349">
        <v>8</v>
      </c>
      <c r="AG41" s="360">
        <v>94.7</v>
      </c>
      <c r="AH41" s="360">
        <v>12.1</v>
      </c>
      <c r="AI41" s="349">
        <v>142.1</v>
      </c>
      <c r="AJ41" s="349">
        <v>26.1</v>
      </c>
      <c r="AK41" s="159"/>
    </row>
    <row r="42" spans="1:37" s="326" customFormat="1" ht="15" customHeight="1" x14ac:dyDescent="0.15">
      <c r="A42" s="553"/>
      <c r="B42" s="617"/>
      <c r="C42" s="347"/>
      <c r="D42" s="348" t="s">
        <v>201</v>
      </c>
      <c r="E42" s="351">
        <v>91.3</v>
      </c>
      <c r="F42" s="352">
        <v>0.2</v>
      </c>
      <c r="G42" s="351">
        <v>99.8</v>
      </c>
      <c r="H42" s="351">
        <v>4.2</v>
      </c>
      <c r="I42" s="351">
        <v>89.4</v>
      </c>
      <c r="J42" s="351">
        <v>1.5</v>
      </c>
      <c r="K42" s="351">
        <v>90.9</v>
      </c>
      <c r="L42" s="351">
        <v>-0.9</v>
      </c>
      <c r="M42" s="351">
        <v>93.6</v>
      </c>
      <c r="N42" s="351">
        <v>6.6</v>
      </c>
      <c r="O42" s="351">
        <v>76.3</v>
      </c>
      <c r="P42" s="351">
        <v>-1.7</v>
      </c>
      <c r="Q42" s="351">
        <v>89.8</v>
      </c>
      <c r="R42" s="351">
        <v>-2.4</v>
      </c>
      <c r="S42" s="351">
        <v>78.3</v>
      </c>
      <c r="T42" s="351">
        <v>3.8</v>
      </c>
      <c r="U42" s="351">
        <v>87.4</v>
      </c>
      <c r="V42" s="351">
        <v>-4.9000000000000004</v>
      </c>
      <c r="W42" s="351">
        <v>81.8</v>
      </c>
      <c r="X42" s="351">
        <v>-14.3</v>
      </c>
      <c r="Y42" s="351">
        <v>153.9</v>
      </c>
      <c r="Z42" s="351">
        <v>23.5</v>
      </c>
      <c r="AA42" s="351">
        <v>114.8</v>
      </c>
      <c r="AB42" s="351">
        <v>4.5</v>
      </c>
      <c r="AC42" s="351">
        <v>76</v>
      </c>
      <c r="AD42" s="351">
        <v>7.8</v>
      </c>
      <c r="AE42" s="351">
        <v>99.3</v>
      </c>
      <c r="AF42" s="351">
        <v>-2.9</v>
      </c>
      <c r="AG42" s="361">
        <v>82.3</v>
      </c>
      <c r="AH42" s="351">
        <v>5.4</v>
      </c>
      <c r="AI42" s="351">
        <v>99.8</v>
      </c>
      <c r="AJ42" s="351">
        <v>7.9</v>
      </c>
      <c r="AK42" s="159"/>
    </row>
    <row r="43" spans="1:37" s="326" customFormat="1" ht="15" customHeight="1" x14ac:dyDescent="0.15">
      <c r="A43" s="553"/>
      <c r="B43" s="617"/>
      <c r="C43" s="347"/>
      <c r="D43" s="348" t="s">
        <v>202</v>
      </c>
      <c r="E43" s="349">
        <v>91.6</v>
      </c>
      <c r="F43" s="350">
        <v>2.6</v>
      </c>
      <c r="G43" s="349">
        <v>91.1</v>
      </c>
      <c r="H43" s="349">
        <v>4.7</v>
      </c>
      <c r="I43" s="349">
        <v>91.3</v>
      </c>
      <c r="J43" s="349">
        <v>1.7</v>
      </c>
      <c r="K43" s="349">
        <v>78.7</v>
      </c>
      <c r="L43" s="349">
        <v>-13.3</v>
      </c>
      <c r="M43" s="349">
        <v>92.2</v>
      </c>
      <c r="N43" s="349">
        <v>7</v>
      </c>
      <c r="O43" s="349">
        <v>80.3</v>
      </c>
      <c r="P43" s="349">
        <v>3.2</v>
      </c>
      <c r="Q43" s="349">
        <v>90</v>
      </c>
      <c r="R43" s="349">
        <v>-1.3</v>
      </c>
      <c r="S43" s="349">
        <v>84.6</v>
      </c>
      <c r="T43" s="349">
        <v>0.4</v>
      </c>
      <c r="U43" s="349">
        <v>86.8</v>
      </c>
      <c r="V43" s="349">
        <v>-15.5</v>
      </c>
      <c r="W43" s="349">
        <v>82.9</v>
      </c>
      <c r="X43" s="349">
        <v>-1.9</v>
      </c>
      <c r="Y43" s="349">
        <v>138.1</v>
      </c>
      <c r="Z43" s="349">
        <v>17.3</v>
      </c>
      <c r="AA43" s="349">
        <v>114.5</v>
      </c>
      <c r="AB43" s="349">
        <v>10.3</v>
      </c>
      <c r="AC43" s="349">
        <v>75.599999999999994</v>
      </c>
      <c r="AD43" s="349">
        <v>7.4</v>
      </c>
      <c r="AE43" s="349">
        <v>95.1</v>
      </c>
      <c r="AF43" s="349">
        <v>-2.4</v>
      </c>
      <c r="AG43" s="360">
        <v>81.3</v>
      </c>
      <c r="AH43" s="349">
        <v>-16.600000000000001</v>
      </c>
      <c r="AI43" s="349">
        <v>107.5</v>
      </c>
      <c r="AJ43" s="349">
        <v>14</v>
      </c>
      <c r="AK43" s="159"/>
    </row>
    <row r="44" spans="1:37" s="326" customFormat="1" ht="15" customHeight="1" x14ac:dyDescent="0.15">
      <c r="A44" s="553"/>
      <c r="B44" s="28"/>
      <c r="C44" s="347"/>
      <c r="D44" s="348" t="s">
        <v>203</v>
      </c>
      <c r="E44" s="351">
        <v>94.9</v>
      </c>
      <c r="F44" s="352">
        <v>4.5</v>
      </c>
      <c r="G44" s="351">
        <v>93.1</v>
      </c>
      <c r="H44" s="351">
        <v>3.8</v>
      </c>
      <c r="I44" s="351">
        <v>90.9</v>
      </c>
      <c r="J44" s="351">
        <v>3.2</v>
      </c>
      <c r="K44" s="351">
        <v>98.2</v>
      </c>
      <c r="L44" s="351">
        <v>4.8</v>
      </c>
      <c r="M44" s="351">
        <v>96.8</v>
      </c>
      <c r="N44" s="351">
        <v>1.9</v>
      </c>
      <c r="O44" s="351">
        <v>85.6</v>
      </c>
      <c r="P44" s="351">
        <v>-5.9</v>
      </c>
      <c r="Q44" s="351">
        <v>102</v>
      </c>
      <c r="R44" s="351">
        <v>6.3</v>
      </c>
      <c r="S44" s="351">
        <v>85.2</v>
      </c>
      <c r="T44" s="351">
        <v>10.9</v>
      </c>
      <c r="U44" s="351">
        <v>93.1</v>
      </c>
      <c r="V44" s="351">
        <v>-7.1</v>
      </c>
      <c r="W44" s="351">
        <v>85.6</v>
      </c>
      <c r="X44" s="351">
        <v>-2.5</v>
      </c>
      <c r="Y44" s="351">
        <v>141.80000000000001</v>
      </c>
      <c r="Z44" s="351">
        <v>15.9</v>
      </c>
      <c r="AA44" s="351">
        <v>111.9</v>
      </c>
      <c r="AB44" s="351">
        <v>3.8</v>
      </c>
      <c r="AC44" s="351">
        <v>79.900000000000006</v>
      </c>
      <c r="AD44" s="351">
        <v>6</v>
      </c>
      <c r="AE44" s="351">
        <v>99.2</v>
      </c>
      <c r="AF44" s="351">
        <v>10.1</v>
      </c>
      <c r="AG44" s="361">
        <v>89.4</v>
      </c>
      <c r="AH44" s="351">
        <v>11.6</v>
      </c>
      <c r="AI44" s="351">
        <v>104.1</v>
      </c>
      <c r="AJ44" s="351">
        <v>11.5</v>
      </c>
      <c r="AK44" s="159"/>
    </row>
    <row r="45" spans="1:37" s="326" customFormat="1" ht="15" customHeight="1" x14ac:dyDescent="0.15">
      <c r="A45" s="553"/>
      <c r="B45" s="28"/>
      <c r="C45" s="347"/>
      <c r="D45" s="348" t="s">
        <v>204</v>
      </c>
      <c r="E45" s="349">
        <v>97.3</v>
      </c>
      <c r="F45" s="350">
        <v>4.5</v>
      </c>
      <c r="G45" s="349">
        <v>92.6</v>
      </c>
      <c r="H45" s="349">
        <v>4.5</v>
      </c>
      <c r="I45" s="349">
        <v>96</v>
      </c>
      <c r="J45" s="349">
        <v>3.4</v>
      </c>
      <c r="K45" s="349">
        <v>78.7</v>
      </c>
      <c r="L45" s="349">
        <v>-14.1</v>
      </c>
      <c r="M45" s="349">
        <v>96</v>
      </c>
      <c r="N45" s="349">
        <v>10.9</v>
      </c>
      <c r="O45" s="349">
        <v>80.099999999999994</v>
      </c>
      <c r="P45" s="349">
        <v>-1.1000000000000001</v>
      </c>
      <c r="Q45" s="349">
        <v>97.3</v>
      </c>
      <c r="R45" s="349">
        <v>6.3</v>
      </c>
      <c r="S45" s="349">
        <v>83</v>
      </c>
      <c r="T45" s="349">
        <v>8.4</v>
      </c>
      <c r="U45" s="349">
        <v>94.2</v>
      </c>
      <c r="V45" s="349">
        <v>1.6</v>
      </c>
      <c r="W45" s="349">
        <v>95.4</v>
      </c>
      <c r="X45" s="349">
        <v>3.4</v>
      </c>
      <c r="Y45" s="349">
        <v>145.1</v>
      </c>
      <c r="Z45" s="349">
        <v>23.3</v>
      </c>
      <c r="AA45" s="349">
        <v>116.5</v>
      </c>
      <c r="AB45" s="349">
        <v>-0.5</v>
      </c>
      <c r="AC45" s="349">
        <v>75.099999999999994</v>
      </c>
      <c r="AD45" s="349">
        <v>4.9000000000000004</v>
      </c>
      <c r="AE45" s="349">
        <v>112.6</v>
      </c>
      <c r="AF45" s="349">
        <v>1.4</v>
      </c>
      <c r="AG45" s="349">
        <v>80.5</v>
      </c>
      <c r="AH45" s="349">
        <v>-5</v>
      </c>
      <c r="AI45" s="349">
        <v>104</v>
      </c>
      <c r="AJ45" s="349">
        <v>10.199999999999999</v>
      </c>
      <c r="AK45" s="159"/>
    </row>
    <row r="46" spans="1:37" s="326" customFormat="1" ht="15" customHeight="1" x14ac:dyDescent="0.15">
      <c r="A46" s="553"/>
      <c r="B46" s="28"/>
      <c r="C46" s="347"/>
      <c r="D46" s="348" t="s">
        <v>205</v>
      </c>
      <c r="E46" s="351">
        <v>220.1</v>
      </c>
      <c r="F46" s="352">
        <v>6</v>
      </c>
      <c r="G46" s="351">
        <v>199.9</v>
      </c>
      <c r="H46" s="351">
        <v>-12.6</v>
      </c>
      <c r="I46" s="351">
        <v>230.2</v>
      </c>
      <c r="J46" s="351">
        <v>2.2000000000000002</v>
      </c>
      <c r="K46" s="351">
        <v>222.7</v>
      </c>
      <c r="L46" s="351">
        <v>13.4</v>
      </c>
      <c r="M46" s="351">
        <v>273.7</v>
      </c>
      <c r="N46" s="351">
        <v>5.8</v>
      </c>
      <c r="O46" s="351">
        <v>161.9</v>
      </c>
      <c r="P46" s="351">
        <v>6.9</v>
      </c>
      <c r="Q46" s="351">
        <v>216.9</v>
      </c>
      <c r="R46" s="351">
        <v>27.6</v>
      </c>
      <c r="S46" s="351">
        <v>239.3</v>
      </c>
      <c r="T46" s="351">
        <v>10.7</v>
      </c>
      <c r="U46" s="351">
        <v>209.7</v>
      </c>
      <c r="V46" s="351">
        <v>-14.8</v>
      </c>
      <c r="W46" s="351">
        <v>219.7</v>
      </c>
      <c r="X46" s="351">
        <v>-5.9</v>
      </c>
      <c r="Y46" s="351">
        <v>202.2</v>
      </c>
      <c r="Z46" s="351">
        <v>16.100000000000001</v>
      </c>
      <c r="AA46" s="351">
        <v>211.7</v>
      </c>
      <c r="AB46" s="351">
        <v>-16.2</v>
      </c>
      <c r="AC46" s="351">
        <v>262.8</v>
      </c>
      <c r="AD46" s="351">
        <v>10.8</v>
      </c>
      <c r="AE46" s="351">
        <v>191.9</v>
      </c>
      <c r="AF46" s="351">
        <v>5.5</v>
      </c>
      <c r="AG46" s="361">
        <v>202.2</v>
      </c>
      <c r="AH46" s="351">
        <v>11.4</v>
      </c>
      <c r="AI46" s="351">
        <v>201.6</v>
      </c>
      <c r="AJ46" s="351">
        <v>12.6</v>
      </c>
      <c r="AK46" s="159"/>
    </row>
    <row r="47" spans="1:37" s="326" customFormat="1" ht="14.25" customHeight="1" x14ac:dyDescent="0.15">
      <c r="A47" s="553"/>
      <c r="B47" s="28"/>
      <c r="C47" s="347"/>
      <c r="D47" s="348"/>
      <c r="E47" s="351"/>
      <c r="F47" s="352"/>
      <c r="G47" s="351"/>
      <c r="H47" s="351"/>
      <c r="I47" s="351"/>
      <c r="J47" s="351"/>
      <c r="K47" s="351"/>
      <c r="L47" s="351"/>
      <c r="M47" s="351"/>
      <c r="N47" s="351"/>
      <c r="O47" s="351"/>
      <c r="P47" s="351"/>
      <c r="Q47" s="351"/>
      <c r="R47" s="351"/>
      <c r="S47" s="351"/>
      <c r="T47" s="351"/>
      <c r="U47" s="351"/>
      <c r="V47" s="351"/>
      <c r="W47" s="351"/>
      <c r="X47" s="351"/>
      <c r="Y47" s="351"/>
      <c r="Z47" s="351"/>
      <c r="AA47" s="351"/>
      <c r="AB47" s="351"/>
      <c r="AC47" s="351"/>
      <c r="AD47" s="351"/>
      <c r="AE47" s="351"/>
      <c r="AF47" s="351"/>
      <c r="AG47" s="361"/>
      <c r="AH47" s="361"/>
      <c r="AI47" s="351"/>
      <c r="AJ47" s="351"/>
      <c r="AK47" s="159"/>
    </row>
    <row r="48" spans="1:37" s="326" customFormat="1" ht="14.25" customHeight="1" x14ac:dyDescent="0.15">
      <c r="A48" s="553"/>
      <c r="B48" s="28"/>
      <c r="C48" s="347" t="s">
        <v>206</v>
      </c>
      <c r="D48" s="348" t="s">
        <v>194</v>
      </c>
      <c r="E48" s="349">
        <v>91.8</v>
      </c>
      <c r="F48" s="350">
        <v>2.8</v>
      </c>
      <c r="G48" s="349">
        <v>109.1</v>
      </c>
      <c r="H48" s="349">
        <v>29</v>
      </c>
      <c r="I48" s="349">
        <v>89.7</v>
      </c>
      <c r="J48" s="349">
        <v>1.6</v>
      </c>
      <c r="K48" s="349">
        <v>82.4</v>
      </c>
      <c r="L48" s="349">
        <v>4.2</v>
      </c>
      <c r="M48" s="349">
        <v>93.5</v>
      </c>
      <c r="N48" s="349">
        <v>1.3</v>
      </c>
      <c r="O48" s="349">
        <v>75.400000000000006</v>
      </c>
      <c r="P48" s="349">
        <v>-4.9000000000000004</v>
      </c>
      <c r="Q48" s="349">
        <v>95</v>
      </c>
      <c r="R48" s="349">
        <v>8.4</v>
      </c>
      <c r="S48" s="349">
        <v>86.9</v>
      </c>
      <c r="T48" s="349">
        <v>8.6</v>
      </c>
      <c r="U48" s="349">
        <v>85.2</v>
      </c>
      <c r="V48" s="349">
        <v>0.1</v>
      </c>
      <c r="W48" s="349">
        <v>79.3</v>
      </c>
      <c r="X48" s="349">
        <v>0</v>
      </c>
      <c r="Y48" s="349">
        <v>149.19999999999999</v>
      </c>
      <c r="Z48" s="349">
        <v>6.4</v>
      </c>
      <c r="AA48" s="349">
        <v>108.7</v>
      </c>
      <c r="AB48" s="349">
        <v>-3.1</v>
      </c>
      <c r="AC48" s="349">
        <v>80.099999999999994</v>
      </c>
      <c r="AD48" s="349">
        <v>2.2999999999999998</v>
      </c>
      <c r="AE48" s="349">
        <v>95.9</v>
      </c>
      <c r="AF48" s="349">
        <v>1.3</v>
      </c>
      <c r="AG48" s="349">
        <v>92.3</v>
      </c>
      <c r="AH48" s="349">
        <v>12.4</v>
      </c>
      <c r="AI48" s="349">
        <v>101</v>
      </c>
      <c r="AJ48" s="349">
        <v>1.7</v>
      </c>
      <c r="AK48" s="159"/>
    </row>
    <row r="49" spans="1:36" ht="11.25" customHeight="1" thickBot="1" x14ac:dyDescent="0.2">
      <c r="A49" s="553"/>
      <c r="B49" s="68"/>
      <c r="C49" s="363"/>
      <c r="D49" s="364"/>
      <c r="E49" s="325"/>
      <c r="F49" s="365"/>
      <c r="G49" s="325"/>
      <c r="H49" s="325"/>
      <c r="I49" s="325"/>
      <c r="J49" s="325"/>
      <c r="K49" s="325"/>
      <c r="L49" s="325"/>
      <c r="M49" s="325"/>
      <c r="N49" s="325"/>
      <c r="O49" s="325"/>
      <c r="P49" s="325"/>
      <c r="Q49" s="325"/>
      <c r="R49" s="325"/>
      <c r="S49" s="325"/>
      <c r="T49" s="325"/>
      <c r="U49" s="325"/>
      <c r="V49" s="325"/>
      <c r="W49" s="325"/>
      <c r="X49" s="325"/>
      <c r="Y49" s="325"/>
      <c r="Z49" s="325"/>
      <c r="AA49" s="325"/>
      <c r="AB49" s="325"/>
      <c r="AC49" s="325"/>
      <c r="AD49" s="325"/>
      <c r="AE49" s="325"/>
      <c r="AF49" s="325"/>
      <c r="AG49" s="325"/>
      <c r="AH49" s="325"/>
      <c r="AI49" s="325"/>
      <c r="AJ49" s="325"/>
    </row>
    <row r="50" spans="1:36" ht="14.25" customHeight="1" x14ac:dyDescent="0.15">
      <c r="A50" s="553"/>
      <c r="C50" s="611" t="s">
        <v>207</v>
      </c>
      <c r="D50" s="612"/>
      <c r="E50" s="612"/>
      <c r="F50" s="612"/>
      <c r="G50" s="612"/>
      <c r="H50" s="612"/>
      <c r="I50" s="612"/>
      <c r="J50" s="612"/>
      <c r="K50" s="612"/>
      <c r="L50" s="612"/>
      <c r="M50" s="613"/>
      <c r="N50" s="613"/>
      <c r="O50" s="613"/>
      <c r="P50" s="613"/>
      <c r="Q50" s="613"/>
      <c r="R50" s="613"/>
      <c r="S50" s="613"/>
      <c r="T50" s="613"/>
      <c r="U50" s="613"/>
      <c r="V50" s="613"/>
      <c r="W50" s="613"/>
      <c r="X50" s="613"/>
      <c r="Y50" s="613"/>
      <c r="Z50" s="613"/>
      <c r="AA50" s="613"/>
      <c r="AB50" s="613"/>
      <c r="AC50" s="613"/>
      <c r="AD50" s="613"/>
      <c r="AE50" s="613"/>
      <c r="AF50" s="613"/>
      <c r="AG50" s="1"/>
      <c r="AH50" s="1"/>
      <c r="AI50" s="1"/>
      <c r="AJ50" s="1"/>
    </row>
  </sheetData>
  <mergeCells count="54">
    <mergeCell ref="AG6:AH6"/>
    <mergeCell ref="AI6:AJ6"/>
    <mergeCell ref="B8:B28"/>
    <mergeCell ref="B35:B39"/>
    <mergeCell ref="B41:B43"/>
    <mergeCell ref="C50:AF50"/>
    <mergeCell ref="U6:V6"/>
    <mergeCell ref="W6:X6"/>
    <mergeCell ref="Y6:Z6"/>
    <mergeCell ref="AA6:AB6"/>
    <mergeCell ref="AC6:AD6"/>
    <mergeCell ref="AE6:AF6"/>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AA4:AB4"/>
    <mergeCell ref="AC4:AD4"/>
    <mergeCell ref="AE4:AF4"/>
    <mergeCell ref="AG4:AH4"/>
    <mergeCell ref="AI4:AJ4"/>
    <mergeCell ref="K5:L5"/>
    <mergeCell ref="M5:N5"/>
    <mergeCell ref="O5:P5"/>
    <mergeCell ref="Q5:R5"/>
    <mergeCell ref="S5:T5"/>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s>
  <phoneticPr fontId="3"/>
  <printOptions horizontalCentered="1"/>
  <pageMargins left="0.59055118110236227" right="0.59055118110236227" top="0.39370078740157483" bottom="0.59055118110236227" header="0" footer="0.19685039370078741"/>
  <pageSetup paperSize="9" scale="72" orientation="landscape" errors="blank"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C34D1EA-47C3-4DAC-BE09-1A1078D6EDF8}">
  <sheetPr codeName="Sheet17">
    <tabColor indexed="52"/>
    <pageSetUpPr fitToPage="1"/>
  </sheetPr>
  <dimension ref="A1:AL52"/>
  <sheetViews>
    <sheetView view="pageBreakPreview" topLeftCell="A17" zoomScaleNormal="100" zoomScaleSheetLayoutView="100" workbookViewId="0">
      <selection sqref="A1:A50"/>
    </sheetView>
  </sheetViews>
  <sheetFormatPr defaultColWidth="9" defaultRowHeight="13.5" x14ac:dyDescent="0.15"/>
  <cols>
    <col min="1" max="1" width="4.375" style="425" customWidth="1"/>
    <col min="2" max="2" width="2.5" style="367" customWidth="1"/>
    <col min="3" max="3" width="6.625" style="367" customWidth="1"/>
    <col min="4" max="4" width="3.875" style="367" customWidth="1"/>
    <col min="5" max="36" width="4.875" style="367" customWidth="1"/>
    <col min="37" max="37" width="9" style="367"/>
    <col min="38" max="16384" width="9" style="369"/>
  </cols>
  <sheetData>
    <row r="1" spans="1:37" ht="18.75" customHeight="1" x14ac:dyDescent="0.15">
      <c r="A1" s="620" t="s">
        <v>208</v>
      </c>
      <c r="B1" s="366" t="s">
        <v>210</v>
      </c>
      <c r="D1" s="368"/>
      <c r="E1" s="368"/>
      <c r="F1" s="368"/>
      <c r="G1" s="368"/>
      <c r="H1" s="368"/>
      <c r="I1" s="368"/>
      <c r="J1" s="368"/>
      <c r="K1" s="368"/>
      <c r="L1" s="368"/>
      <c r="M1" s="368"/>
      <c r="N1" s="368"/>
      <c r="O1" s="368"/>
      <c r="P1" s="368"/>
      <c r="Q1" s="368"/>
      <c r="R1" s="368"/>
      <c r="S1" s="368"/>
      <c r="T1" s="368"/>
      <c r="U1" s="368"/>
      <c r="V1" s="368"/>
      <c r="W1" s="368"/>
      <c r="X1" s="368"/>
      <c r="Y1" s="368"/>
      <c r="Z1" s="368"/>
      <c r="AA1" s="368"/>
      <c r="AB1" s="368"/>
      <c r="AC1" s="368"/>
      <c r="AD1" s="368"/>
      <c r="AE1" s="368"/>
      <c r="AF1" s="621" t="s">
        <v>165</v>
      </c>
      <c r="AG1" s="621"/>
      <c r="AH1" s="621"/>
      <c r="AI1" s="621"/>
      <c r="AJ1" s="621"/>
    </row>
    <row r="2" spans="1:37" s="375" customFormat="1" ht="3.75" customHeight="1" thickBot="1" x14ac:dyDescent="0.2">
      <c r="A2" s="620"/>
      <c r="B2" s="370"/>
      <c r="C2" s="371"/>
      <c r="D2" s="371"/>
      <c r="E2" s="371"/>
      <c r="F2" s="371"/>
      <c r="G2" s="372"/>
      <c r="H2" s="622"/>
      <c r="I2" s="622"/>
      <c r="J2" s="622"/>
      <c r="K2" s="622"/>
      <c r="L2" s="622"/>
      <c r="M2" s="371"/>
      <c r="N2" s="371"/>
      <c r="O2" s="371"/>
      <c r="P2" s="622"/>
      <c r="Q2" s="622"/>
      <c r="R2" s="622"/>
      <c r="S2" s="622"/>
      <c r="T2" s="622"/>
      <c r="U2" s="371"/>
      <c r="V2" s="371"/>
      <c r="W2" s="371"/>
      <c r="X2" s="371"/>
      <c r="Y2" s="371"/>
      <c r="Z2" s="371"/>
      <c r="AA2" s="371"/>
      <c r="AB2" s="373"/>
      <c r="AC2" s="373"/>
      <c r="AD2" s="373"/>
      <c r="AE2" s="373"/>
      <c r="AF2" s="374"/>
      <c r="AG2" s="374"/>
      <c r="AH2" s="374"/>
      <c r="AI2" s="374"/>
      <c r="AJ2" s="374"/>
      <c r="AK2" s="373"/>
    </row>
    <row r="3" spans="1:37" s="375" customFormat="1" ht="6" customHeight="1" x14ac:dyDescent="0.15">
      <c r="A3" s="620"/>
      <c r="B3" s="376"/>
      <c r="C3" s="623"/>
      <c r="D3" s="624"/>
      <c r="E3" s="377"/>
      <c r="F3" s="378"/>
      <c r="G3" s="379"/>
      <c r="H3" s="380"/>
      <c r="I3" s="377"/>
      <c r="J3" s="380"/>
      <c r="K3" s="377"/>
      <c r="L3" s="380"/>
      <c r="M3" s="377"/>
      <c r="N3" s="380"/>
      <c r="O3" s="377"/>
      <c r="P3" s="380"/>
      <c r="Q3" s="377"/>
      <c r="R3" s="380"/>
      <c r="S3" s="377"/>
      <c r="T3" s="379"/>
      <c r="U3" s="377"/>
      <c r="V3" s="380"/>
      <c r="W3" s="377"/>
      <c r="X3" s="380"/>
      <c r="Y3" s="377"/>
      <c r="Z3" s="380"/>
      <c r="AA3" s="377"/>
      <c r="AB3" s="380"/>
      <c r="AC3" s="377"/>
      <c r="AD3" s="379"/>
      <c r="AE3" s="377"/>
      <c r="AF3" s="380"/>
      <c r="AG3" s="377"/>
      <c r="AH3" s="380"/>
      <c r="AI3" s="377"/>
      <c r="AJ3" s="379"/>
      <c r="AK3" s="373"/>
    </row>
    <row r="4" spans="1:37" s="375" customFormat="1" ht="10.5" customHeight="1" x14ac:dyDescent="0.15">
      <c r="A4" s="620"/>
      <c r="B4" s="370"/>
      <c r="C4" s="625"/>
      <c r="D4" s="626"/>
      <c r="E4" s="618" t="s">
        <v>78</v>
      </c>
      <c r="F4" s="629"/>
      <c r="G4" s="630" t="s">
        <v>79</v>
      </c>
      <c r="H4" s="631"/>
      <c r="I4" s="618" t="s">
        <v>80</v>
      </c>
      <c r="J4" s="631"/>
      <c r="K4" s="618" t="s">
        <v>166</v>
      </c>
      <c r="L4" s="631"/>
      <c r="M4" s="618" t="s">
        <v>82</v>
      </c>
      <c r="N4" s="632"/>
      <c r="O4" s="618" t="s">
        <v>167</v>
      </c>
      <c r="P4" s="632"/>
      <c r="Q4" s="618" t="s">
        <v>168</v>
      </c>
      <c r="R4" s="632"/>
      <c r="S4" s="618" t="s">
        <v>169</v>
      </c>
      <c r="T4" s="632"/>
      <c r="U4" s="618" t="s">
        <v>170</v>
      </c>
      <c r="V4" s="632"/>
      <c r="W4" s="633" t="s">
        <v>171</v>
      </c>
      <c r="X4" s="634"/>
      <c r="Y4" s="618" t="s">
        <v>172</v>
      </c>
      <c r="Z4" s="619"/>
      <c r="AA4" s="633" t="s">
        <v>173</v>
      </c>
      <c r="AB4" s="634"/>
      <c r="AC4" s="618" t="s">
        <v>174</v>
      </c>
      <c r="AD4" s="619"/>
      <c r="AE4" s="618" t="s">
        <v>91</v>
      </c>
      <c r="AF4" s="619"/>
      <c r="AG4" s="618" t="s">
        <v>175</v>
      </c>
      <c r="AH4" s="619"/>
      <c r="AI4" s="618" t="s">
        <v>93</v>
      </c>
      <c r="AJ4" s="637"/>
      <c r="AK4" s="373"/>
    </row>
    <row r="5" spans="1:37" s="375" customFormat="1" ht="10.5" customHeight="1" x14ac:dyDescent="0.15">
      <c r="A5" s="620"/>
      <c r="B5" s="370"/>
      <c r="C5" s="625"/>
      <c r="D5" s="626"/>
      <c r="E5" s="381"/>
      <c r="F5" s="382"/>
      <c r="G5" s="383"/>
      <c r="H5" s="384"/>
      <c r="I5" s="381"/>
      <c r="J5" s="384"/>
      <c r="K5" s="633" t="s">
        <v>176</v>
      </c>
      <c r="L5" s="634"/>
      <c r="M5" s="635"/>
      <c r="N5" s="632"/>
      <c r="O5" s="636" t="s">
        <v>177</v>
      </c>
      <c r="P5" s="632"/>
      <c r="Q5" s="618" t="s">
        <v>178</v>
      </c>
      <c r="R5" s="632"/>
      <c r="S5" s="618" t="s">
        <v>179</v>
      </c>
      <c r="T5" s="632"/>
      <c r="U5" s="618" t="s">
        <v>180</v>
      </c>
      <c r="V5" s="632"/>
      <c r="W5" s="633" t="s">
        <v>181</v>
      </c>
      <c r="X5" s="634"/>
      <c r="Y5" s="633" t="s">
        <v>182</v>
      </c>
      <c r="Z5" s="634"/>
      <c r="AA5" s="618" t="s">
        <v>183</v>
      </c>
      <c r="AB5" s="632"/>
      <c r="AC5" s="618" t="s">
        <v>184</v>
      </c>
      <c r="AD5" s="619"/>
      <c r="AE5" s="618"/>
      <c r="AF5" s="632"/>
      <c r="AG5" s="618" t="s">
        <v>185</v>
      </c>
      <c r="AH5" s="632"/>
      <c r="AI5" s="618"/>
      <c r="AJ5" s="638"/>
      <c r="AK5" s="373"/>
    </row>
    <row r="6" spans="1:37" s="386" customFormat="1" ht="15" customHeight="1" x14ac:dyDescent="0.15">
      <c r="A6" s="620"/>
      <c r="B6" s="385"/>
      <c r="C6" s="625"/>
      <c r="D6" s="626"/>
      <c r="E6" s="639" t="s">
        <v>186</v>
      </c>
      <c r="F6" s="640"/>
      <c r="G6" s="641" t="s">
        <v>186</v>
      </c>
      <c r="H6" s="642"/>
      <c r="I6" s="639" t="s">
        <v>186</v>
      </c>
      <c r="J6" s="642"/>
      <c r="K6" s="639" t="s">
        <v>186</v>
      </c>
      <c r="L6" s="642"/>
      <c r="M6" s="639" t="s">
        <v>186</v>
      </c>
      <c r="N6" s="642"/>
      <c r="O6" s="639" t="s">
        <v>186</v>
      </c>
      <c r="P6" s="642"/>
      <c r="Q6" s="639" t="s">
        <v>186</v>
      </c>
      <c r="R6" s="642"/>
      <c r="S6" s="639" t="s">
        <v>186</v>
      </c>
      <c r="T6" s="642"/>
      <c r="U6" s="639" t="s">
        <v>186</v>
      </c>
      <c r="V6" s="642"/>
      <c r="W6" s="639" t="s">
        <v>186</v>
      </c>
      <c r="X6" s="642"/>
      <c r="Y6" s="639" t="s">
        <v>186</v>
      </c>
      <c r="Z6" s="642"/>
      <c r="AA6" s="639" t="s">
        <v>186</v>
      </c>
      <c r="AB6" s="642"/>
      <c r="AC6" s="639" t="s">
        <v>186</v>
      </c>
      <c r="AD6" s="642"/>
      <c r="AE6" s="639" t="s">
        <v>186</v>
      </c>
      <c r="AF6" s="642"/>
      <c r="AG6" s="639" t="s">
        <v>186</v>
      </c>
      <c r="AH6" s="642"/>
      <c r="AI6" s="639" t="s">
        <v>186</v>
      </c>
      <c r="AJ6" s="641"/>
      <c r="AK6" s="371"/>
    </row>
    <row r="7" spans="1:37" s="375" customFormat="1" ht="7.5" customHeight="1" x14ac:dyDescent="0.15">
      <c r="A7" s="620"/>
      <c r="B7" s="387"/>
      <c r="C7" s="627"/>
      <c r="D7" s="628"/>
      <c r="E7" s="388"/>
      <c r="F7" s="389" t="s">
        <v>142</v>
      </c>
      <c r="G7" s="390"/>
      <c r="H7" s="391" t="s">
        <v>142</v>
      </c>
      <c r="I7" s="388"/>
      <c r="J7" s="391" t="s">
        <v>142</v>
      </c>
      <c r="K7" s="388"/>
      <c r="L7" s="391" t="s">
        <v>142</v>
      </c>
      <c r="M7" s="388"/>
      <c r="N7" s="391" t="s">
        <v>142</v>
      </c>
      <c r="O7" s="388"/>
      <c r="P7" s="391" t="s">
        <v>142</v>
      </c>
      <c r="Q7" s="388"/>
      <c r="R7" s="391" t="s">
        <v>142</v>
      </c>
      <c r="S7" s="388"/>
      <c r="T7" s="391" t="s">
        <v>142</v>
      </c>
      <c r="U7" s="388"/>
      <c r="V7" s="391" t="s">
        <v>142</v>
      </c>
      <c r="W7" s="388"/>
      <c r="X7" s="391" t="s">
        <v>142</v>
      </c>
      <c r="Y7" s="388"/>
      <c r="Z7" s="391" t="s">
        <v>142</v>
      </c>
      <c r="AA7" s="388"/>
      <c r="AB7" s="391" t="s">
        <v>142</v>
      </c>
      <c r="AC7" s="388"/>
      <c r="AD7" s="391" t="s">
        <v>142</v>
      </c>
      <c r="AE7" s="388"/>
      <c r="AF7" s="391" t="s">
        <v>142</v>
      </c>
      <c r="AG7" s="388"/>
      <c r="AH7" s="391" t="s">
        <v>142</v>
      </c>
      <c r="AI7" s="388"/>
      <c r="AJ7" s="392" t="s">
        <v>142</v>
      </c>
      <c r="AK7" s="373"/>
    </row>
    <row r="8" spans="1:37" s="375" customFormat="1" ht="11.25" customHeight="1" x14ac:dyDescent="0.15">
      <c r="A8" s="620"/>
      <c r="B8" s="644" t="s">
        <v>187</v>
      </c>
      <c r="C8" s="393"/>
      <c r="D8" s="394"/>
      <c r="E8" s="395"/>
      <c r="F8" s="396"/>
      <c r="G8" s="395"/>
      <c r="H8" s="395"/>
      <c r="I8" s="395"/>
      <c r="J8" s="395"/>
      <c r="K8" s="395"/>
      <c r="L8" s="395"/>
      <c r="M8" s="395"/>
      <c r="N8" s="395"/>
      <c r="O8" s="395"/>
      <c r="P8" s="395"/>
      <c r="Q8" s="395"/>
      <c r="R8" s="395"/>
      <c r="S8" s="395"/>
      <c r="T8" s="395"/>
      <c r="U8" s="395"/>
      <c r="V8" s="395"/>
      <c r="W8" s="395"/>
      <c r="X8" s="395"/>
      <c r="Y8" s="395"/>
      <c r="Z8" s="395"/>
      <c r="AA8" s="395"/>
      <c r="AB8" s="395"/>
      <c r="AC8" s="395"/>
      <c r="AD8" s="395"/>
      <c r="AE8" s="395"/>
      <c r="AF8" s="395"/>
      <c r="AG8" s="395"/>
      <c r="AH8" s="395"/>
      <c r="AI8" s="395"/>
      <c r="AJ8" s="395"/>
      <c r="AK8" s="373"/>
    </row>
    <row r="9" spans="1:37" s="375" customFormat="1" ht="13.5" customHeight="1" x14ac:dyDescent="0.15">
      <c r="A9" s="620"/>
      <c r="B9" s="645"/>
      <c r="C9" s="397" t="s">
        <v>188</v>
      </c>
      <c r="D9" s="398" t="s">
        <v>189</v>
      </c>
      <c r="E9" s="399">
        <v>97</v>
      </c>
      <c r="F9" s="400">
        <v>-3</v>
      </c>
      <c r="G9" s="399">
        <v>111.8</v>
      </c>
      <c r="H9" s="399">
        <v>8.5</v>
      </c>
      <c r="I9" s="399">
        <v>99.2</v>
      </c>
      <c r="J9" s="399">
        <v>-4.0999999999999996</v>
      </c>
      <c r="K9" s="399">
        <v>96</v>
      </c>
      <c r="L9" s="399">
        <v>-4.8</v>
      </c>
      <c r="M9" s="399">
        <v>112.5</v>
      </c>
      <c r="N9" s="399">
        <v>7.8</v>
      </c>
      <c r="O9" s="399">
        <v>89</v>
      </c>
      <c r="P9" s="399">
        <v>-2.6</v>
      </c>
      <c r="Q9" s="399">
        <v>94</v>
      </c>
      <c r="R9" s="399">
        <v>-2.4</v>
      </c>
      <c r="S9" s="399">
        <v>96.9</v>
      </c>
      <c r="T9" s="399">
        <v>-1.5</v>
      </c>
      <c r="U9" s="399">
        <v>117</v>
      </c>
      <c r="V9" s="399">
        <v>2.7</v>
      </c>
      <c r="W9" s="399">
        <v>103.3</v>
      </c>
      <c r="X9" s="399">
        <v>4.3</v>
      </c>
      <c r="Y9" s="399">
        <v>121.4</v>
      </c>
      <c r="Z9" s="399">
        <v>10.5</v>
      </c>
      <c r="AA9" s="399">
        <v>99.8</v>
      </c>
      <c r="AB9" s="399">
        <v>-10.8</v>
      </c>
      <c r="AC9" s="399">
        <v>83.4</v>
      </c>
      <c r="AD9" s="399">
        <v>-19.899999999999999</v>
      </c>
      <c r="AE9" s="399">
        <v>97.5</v>
      </c>
      <c r="AF9" s="399">
        <v>3.5</v>
      </c>
      <c r="AG9" s="399">
        <v>93.3</v>
      </c>
      <c r="AH9" s="399">
        <v>-7.9</v>
      </c>
      <c r="AI9" s="399">
        <v>94.2</v>
      </c>
      <c r="AJ9" s="399">
        <v>-5.8</v>
      </c>
      <c r="AK9" s="373"/>
    </row>
    <row r="10" spans="1:37" s="375" customFormat="1" ht="13.5" customHeight="1" x14ac:dyDescent="0.15">
      <c r="A10" s="620"/>
      <c r="B10" s="645"/>
      <c r="C10" s="397" t="s">
        <v>188</v>
      </c>
      <c r="D10" s="398" t="s">
        <v>190</v>
      </c>
      <c r="E10" s="401">
        <v>96.3</v>
      </c>
      <c r="F10" s="402">
        <v>-0.7</v>
      </c>
      <c r="G10" s="401">
        <v>108.3</v>
      </c>
      <c r="H10" s="401">
        <v>-3.1</v>
      </c>
      <c r="I10" s="401">
        <v>105.4</v>
      </c>
      <c r="J10" s="401">
        <v>6.3</v>
      </c>
      <c r="K10" s="401">
        <v>90</v>
      </c>
      <c r="L10" s="401">
        <v>-6.3</v>
      </c>
      <c r="M10" s="401">
        <v>110.9</v>
      </c>
      <c r="N10" s="401">
        <v>-1.4</v>
      </c>
      <c r="O10" s="401">
        <v>89.4</v>
      </c>
      <c r="P10" s="401">
        <v>0.4</v>
      </c>
      <c r="Q10" s="401">
        <v>96</v>
      </c>
      <c r="R10" s="401">
        <v>2.1</v>
      </c>
      <c r="S10" s="401">
        <v>89.1</v>
      </c>
      <c r="T10" s="401">
        <v>-8</v>
      </c>
      <c r="U10" s="401">
        <v>118.9</v>
      </c>
      <c r="V10" s="401">
        <v>1.6</v>
      </c>
      <c r="W10" s="401">
        <v>98.6</v>
      </c>
      <c r="X10" s="401">
        <v>-4.5</v>
      </c>
      <c r="Y10" s="401">
        <v>129.4</v>
      </c>
      <c r="Z10" s="401">
        <v>6.6</v>
      </c>
      <c r="AA10" s="401">
        <v>100.8</v>
      </c>
      <c r="AB10" s="401">
        <v>1</v>
      </c>
      <c r="AC10" s="401">
        <v>85</v>
      </c>
      <c r="AD10" s="401">
        <v>1.9</v>
      </c>
      <c r="AE10" s="401">
        <v>94.2</v>
      </c>
      <c r="AF10" s="401">
        <v>-3.4</v>
      </c>
      <c r="AG10" s="401">
        <v>92.2</v>
      </c>
      <c r="AH10" s="401">
        <v>-1.2</v>
      </c>
      <c r="AI10" s="401">
        <v>89.1</v>
      </c>
      <c r="AJ10" s="401">
        <v>-5.4</v>
      </c>
      <c r="AK10" s="373"/>
    </row>
    <row r="11" spans="1:37" s="375" customFormat="1" ht="13.5" customHeight="1" x14ac:dyDescent="0.15">
      <c r="A11" s="620"/>
      <c r="B11" s="645"/>
      <c r="C11" s="397" t="s">
        <v>188</v>
      </c>
      <c r="D11" s="398" t="s">
        <v>191</v>
      </c>
      <c r="E11" s="399">
        <v>96.7</v>
      </c>
      <c r="F11" s="400">
        <v>-1.4</v>
      </c>
      <c r="G11" s="399">
        <v>116.5</v>
      </c>
      <c r="H11" s="399">
        <v>6.5</v>
      </c>
      <c r="I11" s="399">
        <v>102.2</v>
      </c>
      <c r="J11" s="399">
        <v>-3.6</v>
      </c>
      <c r="K11" s="399">
        <v>97.8</v>
      </c>
      <c r="L11" s="399">
        <v>8.5</v>
      </c>
      <c r="M11" s="399">
        <v>107.2</v>
      </c>
      <c r="N11" s="399">
        <v>-3.8</v>
      </c>
      <c r="O11" s="399">
        <v>87.6</v>
      </c>
      <c r="P11" s="399">
        <v>-1.4</v>
      </c>
      <c r="Q11" s="399">
        <v>86.2</v>
      </c>
      <c r="R11" s="399">
        <v>-9.6999999999999993</v>
      </c>
      <c r="S11" s="399">
        <v>91.5</v>
      </c>
      <c r="T11" s="399">
        <v>2.2000000000000002</v>
      </c>
      <c r="U11" s="399">
        <v>100.4</v>
      </c>
      <c r="V11" s="399">
        <v>-13.1</v>
      </c>
      <c r="W11" s="399">
        <v>104.2</v>
      </c>
      <c r="X11" s="399">
        <v>2.2999999999999998</v>
      </c>
      <c r="Y11" s="399">
        <v>107.3</v>
      </c>
      <c r="Z11" s="399">
        <v>-14.6</v>
      </c>
      <c r="AA11" s="399">
        <v>100.2</v>
      </c>
      <c r="AB11" s="399">
        <v>0.6</v>
      </c>
      <c r="AC11" s="399">
        <v>91.1</v>
      </c>
      <c r="AD11" s="399">
        <v>-0.5</v>
      </c>
      <c r="AE11" s="399">
        <v>99.1</v>
      </c>
      <c r="AF11" s="399">
        <v>5.2</v>
      </c>
      <c r="AG11" s="399">
        <v>96.7</v>
      </c>
      <c r="AH11" s="399">
        <v>5.3</v>
      </c>
      <c r="AI11" s="399">
        <v>96.7</v>
      </c>
      <c r="AJ11" s="399">
        <v>8.3000000000000007</v>
      </c>
      <c r="AK11" s="373"/>
    </row>
    <row r="12" spans="1:37" s="375" customFormat="1" ht="13.5" customHeight="1" x14ac:dyDescent="0.15">
      <c r="A12" s="620"/>
      <c r="B12" s="645"/>
      <c r="C12" s="397" t="s">
        <v>188</v>
      </c>
      <c r="D12" s="398" t="s">
        <v>192</v>
      </c>
      <c r="E12" s="401">
        <v>96</v>
      </c>
      <c r="F12" s="402">
        <v>-0.7</v>
      </c>
      <c r="G12" s="401">
        <v>104.2</v>
      </c>
      <c r="H12" s="401">
        <v>-10.6</v>
      </c>
      <c r="I12" s="401">
        <v>102.7</v>
      </c>
      <c r="J12" s="401">
        <v>0.5</v>
      </c>
      <c r="K12" s="401">
        <v>95.1</v>
      </c>
      <c r="L12" s="401">
        <v>-2.8</v>
      </c>
      <c r="M12" s="401">
        <v>107.4</v>
      </c>
      <c r="N12" s="401">
        <v>0.2</v>
      </c>
      <c r="O12" s="401">
        <v>86.3</v>
      </c>
      <c r="P12" s="401">
        <v>-1.5</v>
      </c>
      <c r="Q12" s="401">
        <v>84.9</v>
      </c>
      <c r="R12" s="401">
        <v>-1.5</v>
      </c>
      <c r="S12" s="401">
        <v>100.8</v>
      </c>
      <c r="T12" s="401">
        <v>10.199999999999999</v>
      </c>
      <c r="U12" s="401">
        <v>103.9</v>
      </c>
      <c r="V12" s="401">
        <v>3.5</v>
      </c>
      <c r="W12" s="401">
        <v>97.4</v>
      </c>
      <c r="X12" s="401">
        <v>-6.5</v>
      </c>
      <c r="Y12" s="401">
        <v>106</v>
      </c>
      <c r="Z12" s="401">
        <v>-1.2</v>
      </c>
      <c r="AA12" s="401">
        <v>107.5</v>
      </c>
      <c r="AB12" s="401">
        <v>7.3</v>
      </c>
      <c r="AC12" s="401">
        <v>101.2</v>
      </c>
      <c r="AD12" s="401">
        <v>11.1</v>
      </c>
      <c r="AE12" s="401">
        <v>95.4</v>
      </c>
      <c r="AF12" s="401">
        <v>-3.7</v>
      </c>
      <c r="AG12" s="401">
        <v>95.4</v>
      </c>
      <c r="AH12" s="401">
        <v>-1.3</v>
      </c>
      <c r="AI12" s="401">
        <v>100.8</v>
      </c>
      <c r="AJ12" s="401">
        <v>4.2</v>
      </c>
      <c r="AK12" s="373"/>
    </row>
    <row r="13" spans="1:37" s="375" customFormat="1" ht="13.5" customHeight="1" x14ac:dyDescent="0.15">
      <c r="A13" s="620"/>
      <c r="B13" s="645"/>
      <c r="C13" s="397"/>
      <c r="D13" s="398"/>
      <c r="E13" s="401"/>
      <c r="F13" s="402"/>
      <c r="G13" s="401"/>
      <c r="H13" s="401"/>
      <c r="I13" s="401"/>
      <c r="J13" s="401"/>
      <c r="K13" s="401"/>
      <c r="L13" s="401"/>
      <c r="M13" s="401"/>
      <c r="N13" s="401"/>
      <c r="O13" s="401"/>
      <c r="P13" s="401"/>
      <c r="Q13" s="401"/>
      <c r="R13" s="401"/>
      <c r="S13" s="401"/>
      <c r="T13" s="401"/>
      <c r="U13" s="401"/>
      <c r="V13" s="401"/>
      <c r="W13" s="401"/>
      <c r="X13" s="401"/>
      <c r="Y13" s="401"/>
      <c r="Z13" s="401"/>
      <c r="AA13" s="401"/>
      <c r="AB13" s="401"/>
      <c r="AC13" s="401"/>
      <c r="AD13" s="401"/>
      <c r="AE13" s="401"/>
      <c r="AF13" s="401"/>
      <c r="AG13" s="401"/>
      <c r="AH13" s="401"/>
      <c r="AI13" s="401"/>
      <c r="AJ13" s="401"/>
      <c r="AK13" s="373"/>
    </row>
    <row r="14" spans="1:37" s="375" customFormat="1" ht="15" customHeight="1" x14ac:dyDescent="0.15">
      <c r="A14" s="620"/>
      <c r="B14" s="645"/>
      <c r="C14" s="347" t="s">
        <v>193</v>
      </c>
      <c r="D14" s="398" t="s">
        <v>194</v>
      </c>
      <c r="E14" s="399">
        <v>77.400000000000006</v>
      </c>
      <c r="F14" s="400">
        <v>-4</v>
      </c>
      <c r="G14" s="399">
        <v>83.8</v>
      </c>
      <c r="H14" s="399">
        <v>-14.9</v>
      </c>
      <c r="I14" s="399">
        <v>79.900000000000006</v>
      </c>
      <c r="J14" s="399">
        <v>-2.6</v>
      </c>
      <c r="K14" s="399">
        <v>69.599999999999994</v>
      </c>
      <c r="L14" s="399">
        <v>-13.3</v>
      </c>
      <c r="M14" s="399">
        <v>81.5</v>
      </c>
      <c r="N14" s="399">
        <v>2.2999999999999998</v>
      </c>
      <c r="O14" s="399">
        <v>73.3</v>
      </c>
      <c r="P14" s="399">
        <v>-3.8</v>
      </c>
      <c r="Q14" s="399">
        <v>70.3</v>
      </c>
      <c r="R14" s="399">
        <v>-4.5</v>
      </c>
      <c r="S14" s="399">
        <v>80.2</v>
      </c>
      <c r="T14" s="399">
        <v>19.2</v>
      </c>
      <c r="U14" s="399">
        <v>82.4</v>
      </c>
      <c r="V14" s="399">
        <v>4</v>
      </c>
      <c r="W14" s="399">
        <v>71.7</v>
      </c>
      <c r="X14" s="399">
        <v>-5.4</v>
      </c>
      <c r="Y14" s="399">
        <v>100.6</v>
      </c>
      <c r="Z14" s="399">
        <v>-5.5</v>
      </c>
      <c r="AA14" s="399">
        <v>87</v>
      </c>
      <c r="AB14" s="399">
        <v>-13.3</v>
      </c>
      <c r="AC14" s="399">
        <v>73.2</v>
      </c>
      <c r="AD14" s="399">
        <v>4.4000000000000004</v>
      </c>
      <c r="AE14" s="399">
        <v>81.599999999999994</v>
      </c>
      <c r="AF14" s="399">
        <v>-9</v>
      </c>
      <c r="AG14" s="399">
        <v>73.7</v>
      </c>
      <c r="AH14" s="399">
        <v>-6.4</v>
      </c>
      <c r="AI14" s="399">
        <v>84.8</v>
      </c>
      <c r="AJ14" s="399">
        <v>4.3</v>
      </c>
      <c r="AK14" s="373"/>
    </row>
    <row r="15" spans="1:37" s="375" customFormat="1" ht="15" customHeight="1" x14ac:dyDescent="0.15">
      <c r="A15" s="620"/>
      <c r="B15" s="645"/>
      <c r="C15" s="397"/>
      <c r="D15" s="398" t="s">
        <v>195</v>
      </c>
      <c r="E15" s="401">
        <v>76</v>
      </c>
      <c r="F15" s="402">
        <v>-5.2</v>
      </c>
      <c r="G15" s="401">
        <v>85.2</v>
      </c>
      <c r="H15" s="401">
        <v>-15.1</v>
      </c>
      <c r="I15" s="401">
        <v>79</v>
      </c>
      <c r="J15" s="401">
        <v>-1.3</v>
      </c>
      <c r="K15" s="401">
        <v>70.099999999999994</v>
      </c>
      <c r="L15" s="401">
        <v>-13.7</v>
      </c>
      <c r="M15" s="401">
        <v>79.400000000000006</v>
      </c>
      <c r="N15" s="401">
        <v>2.7</v>
      </c>
      <c r="O15" s="401">
        <v>71.8</v>
      </c>
      <c r="P15" s="401">
        <v>2.1</v>
      </c>
      <c r="Q15" s="401">
        <v>67.3</v>
      </c>
      <c r="R15" s="401">
        <v>-6.8</v>
      </c>
      <c r="S15" s="401">
        <v>74.8</v>
      </c>
      <c r="T15" s="401">
        <v>13.2</v>
      </c>
      <c r="U15" s="401">
        <v>77.3</v>
      </c>
      <c r="V15" s="401">
        <v>2</v>
      </c>
      <c r="W15" s="401">
        <v>72.599999999999994</v>
      </c>
      <c r="X15" s="401">
        <v>-9.9</v>
      </c>
      <c r="Y15" s="401">
        <v>97.1</v>
      </c>
      <c r="Z15" s="401">
        <v>-17.399999999999999</v>
      </c>
      <c r="AA15" s="401">
        <v>83.6</v>
      </c>
      <c r="AB15" s="401">
        <v>-6.4</v>
      </c>
      <c r="AC15" s="401">
        <v>73</v>
      </c>
      <c r="AD15" s="401">
        <v>0.7</v>
      </c>
      <c r="AE15" s="401">
        <v>80.900000000000006</v>
      </c>
      <c r="AF15" s="401">
        <v>-8.1999999999999993</v>
      </c>
      <c r="AG15" s="401">
        <v>76</v>
      </c>
      <c r="AH15" s="401">
        <v>-3.8</v>
      </c>
      <c r="AI15" s="401">
        <v>82.3</v>
      </c>
      <c r="AJ15" s="401">
        <v>-4</v>
      </c>
      <c r="AK15" s="373"/>
    </row>
    <row r="16" spans="1:37" s="375" customFormat="1" ht="15" customHeight="1" x14ac:dyDescent="0.15">
      <c r="A16" s="620"/>
      <c r="B16" s="645"/>
      <c r="C16" s="397"/>
      <c r="D16" s="398" t="s">
        <v>196</v>
      </c>
      <c r="E16" s="399">
        <v>81.3</v>
      </c>
      <c r="F16" s="400">
        <v>-1.2</v>
      </c>
      <c r="G16" s="399">
        <v>87.3</v>
      </c>
      <c r="H16" s="399">
        <v>-12.3</v>
      </c>
      <c r="I16" s="399">
        <v>82.6</v>
      </c>
      <c r="J16" s="399">
        <v>-3.2</v>
      </c>
      <c r="K16" s="399">
        <v>76.599999999999994</v>
      </c>
      <c r="L16" s="399">
        <v>-8.1999999999999993</v>
      </c>
      <c r="M16" s="399">
        <v>84</v>
      </c>
      <c r="N16" s="399">
        <v>2.2999999999999998</v>
      </c>
      <c r="O16" s="399">
        <v>76.3</v>
      </c>
      <c r="P16" s="399">
        <v>2.7</v>
      </c>
      <c r="Q16" s="399">
        <v>72.8</v>
      </c>
      <c r="R16" s="399">
        <v>-6.3</v>
      </c>
      <c r="S16" s="399">
        <v>87.6</v>
      </c>
      <c r="T16" s="399">
        <v>24.6</v>
      </c>
      <c r="U16" s="399">
        <v>80.3</v>
      </c>
      <c r="V16" s="399">
        <v>1</v>
      </c>
      <c r="W16" s="399">
        <v>75.3</v>
      </c>
      <c r="X16" s="399">
        <v>-4.5999999999999996</v>
      </c>
      <c r="Y16" s="399">
        <v>105.3</v>
      </c>
      <c r="Z16" s="399">
        <v>1.4</v>
      </c>
      <c r="AA16" s="399">
        <v>88.6</v>
      </c>
      <c r="AB16" s="399">
        <v>-4.3</v>
      </c>
      <c r="AC16" s="399">
        <v>81.5</v>
      </c>
      <c r="AD16" s="399">
        <v>21.6</v>
      </c>
      <c r="AE16" s="399">
        <v>86.6</v>
      </c>
      <c r="AF16" s="399">
        <v>-3.9</v>
      </c>
      <c r="AG16" s="399">
        <v>79.8</v>
      </c>
      <c r="AH16" s="399">
        <v>1.4</v>
      </c>
      <c r="AI16" s="399">
        <v>90.1</v>
      </c>
      <c r="AJ16" s="399">
        <v>2.5</v>
      </c>
      <c r="AK16" s="373"/>
    </row>
    <row r="17" spans="1:38" s="375" customFormat="1" ht="15" customHeight="1" x14ac:dyDescent="0.15">
      <c r="A17" s="620"/>
      <c r="B17" s="645"/>
      <c r="C17" s="397"/>
      <c r="D17" s="398" t="s">
        <v>197</v>
      </c>
      <c r="E17" s="401">
        <v>81.7</v>
      </c>
      <c r="F17" s="402">
        <v>-3.3</v>
      </c>
      <c r="G17" s="401">
        <v>91.1</v>
      </c>
      <c r="H17" s="401">
        <v>-17</v>
      </c>
      <c r="I17" s="401">
        <v>84.5</v>
      </c>
      <c r="J17" s="401">
        <v>-0.8</v>
      </c>
      <c r="K17" s="401">
        <v>71</v>
      </c>
      <c r="L17" s="401">
        <v>-15.8</v>
      </c>
      <c r="M17" s="401">
        <v>85.5</v>
      </c>
      <c r="N17" s="401">
        <v>-1.9</v>
      </c>
      <c r="O17" s="401">
        <v>81.099999999999994</v>
      </c>
      <c r="P17" s="401">
        <v>-9.1999999999999993</v>
      </c>
      <c r="Q17" s="401">
        <v>70.900000000000006</v>
      </c>
      <c r="R17" s="401">
        <v>-8.3000000000000007</v>
      </c>
      <c r="S17" s="401">
        <v>89</v>
      </c>
      <c r="T17" s="401">
        <v>25.5</v>
      </c>
      <c r="U17" s="401">
        <v>84.8</v>
      </c>
      <c r="V17" s="401">
        <v>-6.9</v>
      </c>
      <c r="W17" s="401">
        <v>77</v>
      </c>
      <c r="X17" s="401">
        <v>-1.3</v>
      </c>
      <c r="Y17" s="401">
        <v>102</v>
      </c>
      <c r="Z17" s="401">
        <v>-10.4</v>
      </c>
      <c r="AA17" s="401">
        <v>89</v>
      </c>
      <c r="AB17" s="401">
        <v>-5.2</v>
      </c>
      <c r="AC17" s="401">
        <v>78.3</v>
      </c>
      <c r="AD17" s="401">
        <v>13</v>
      </c>
      <c r="AE17" s="401">
        <v>87.9</v>
      </c>
      <c r="AF17" s="401">
        <v>-2.1</v>
      </c>
      <c r="AG17" s="401">
        <v>80.099999999999994</v>
      </c>
      <c r="AH17" s="401">
        <v>-1.1000000000000001</v>
      </c>
      <c r="AI17" s="401">
        <v>85.4</v>
      </c>
      <c r="AJ17" s="401">
        <v>2.2000000000000002</v>
      </c>
      <c r="AK17" s="373"/>
    </row>
    <row r="18" spans="1:38" s="375" customFormat="1" ht="15" customHeight="1" x14ac:dyDescent="0.15">
      <c r="A18" s="620"/>
      <c r="B18" s="645"/>
      <c r="C18" s="397"/>
      <c r="D18" s="398" t="s">
        <v>198</v>
      </c>
      <c r="E18" s="399">
        <v>81</v>
      </c>
      <c r="F18" s="400">
        <v>-2.2999999999999998</v>
      </c>
      <c r="G18" s="399">
        <v>87.4</v>
      </c>
      <c r="H18" s="399">
        <v>-12.8</v>
      </c>
      <c r="I18" s="399">
        <v>79.400000000000006</v>
      </c>
      <c r="J18" s="399">
        <v>-1</v>
      </c>
      <c r="K18" s="399">
        <v>72.5</v>
      </c>
      <c r="L18" s="399">
        <v>-13.4</v>
      </c>
      <c r="M18" s="399">
        <v>86.3</v>
      </c>
      <c r="N18" s="399">
        <v>5</v>
      </c>
      <c r="O18" s="399">
        <v>74.7</v>
      </c>
      <c r="P18" s="399">
        <v>-1.3</v>
      </c>
      <c r="Q18" s="399">
        <v>77.2</v>
      </c>
      <c r="R18" s="399">
        <v>-2.5</v>
      </c>
      <c r="S18" s="399">
        <v>88.9</v>
      </c>
      <c r="T18" s="399">
        <v>26.8</v>
      </c>
      <c r="U18" s="399">
        <v>82.8</v>
      </c>
      <c r="V18" s="399">
        <v>2.2999999999999998</v>
      </c>
      <c r="W18" s="399">
        <v>84.9</v>
      </c>
      <c r="X18" s="399">
        <v>-1.3</v>
      </c>
      <c r="Y18" s="399">
        <v>102.7</v>
      </c>
      <c r="Z18" s="399">
        <v>-1.8</v>
      </c>
      <c r="AA18" s="399">
        <v>91.8</v>
      </c>
      <c r="AB18" s="399">
        <v>2.8</v>
      </c>
      <c r="AC18" s="399">
        <v>73.5</v>
      </c>
      <c r="AD18" s="399">
        <v>4.9000000000000004</v>
      </c>
      <c r="AE18" s="399">
        <v>83.6</v>
      </c>
      <c r="AF18" s="399">
        <v>-9.6999999999999993</v>
      </c>
      <c r="AG18" s="399">
        <v>75.400000000000006</v>
      </c>
      <c r="AH18" s="399">
        <v>-4.2</v>
      </c>
      <c r="AI18" s="399">
        <v>87.2</v>
      </c>
      <c r="AJ18" s="399">
        <v>3.8</v>
      </c>
      <c r="AK18" s="373"/>
    </row>
    <row r="19" spans="1:38" s="375" customFormat="1" ht="15" customHeight="1" x14ac:dyDescent="0.15">
      <c r="A19" s="620"/>
      <c r="B19" s="645"/>
      <c r="C19" s="397"/>
      <c r="D19" s="398" t="s">
        <v>199</v>
      </c>
      <c r="E19" s="401">
        <v>143</v>
      </c>
      <c r="F19" s="402">
        <v>3.8</v>
      </c>
      <c r="G19" s="401">
        <v>188.5</v>
      </c>
      <c r="H19" s="401">
        <v>30.1</v>
      </c>
      <c r="I19" s="401">
        <v>153.6</v>
      </c>
      <c r="J19" s="401">
        <v>12.9</v>
      </c>
      <c r="K19" s="401">
        <v>191.8</v>
      </c>
      <c r="L19" s="401">
        <v>14</v>
      </c>
      <c r="M19" s="401">
        <v>212.5</v>
      </c>
      <c r="N19" s="401">
        <v>-6.1</v>
      </c>
      <c r="O19" s="401">
        <v>117.3</v>
      </c>
      <c r="P19" s="401">
        <v>-3.4</v>
      </c>
      <c r="Q19" s="401">
        <v>103.6</v>
      </c>
      <c r="R19" s="401">
        <v>2.2999999999999998</v>
      </c>
      <c r="S19" s="401">
        <v>166.3</v>
      </c>
      <c r="T19" s="401">
        <v>-1.7</v>
      </c>
      <c r="U19" s="401">
        <v>193.9</v>
      </c>
      <c r="V19" s="401">
        <v>12.7</v>
      </c>
      <c r="W19" s="401">
        <v>137.69999999999999</v>
      </c>
      <c r="X19" s="401">
        <v>-15.6</v>
      </c>
      <c r="Y19" s="401">
        <v>105.1</v>
      </c>
      <c r="Z19" s="401">
        <v>-7.2</v>
      </c>
      <c r="AA19" s="401">
        <v>133.30000000000001</v>
      </c>
      <c r="AB19" s="401">
        <v>40.799999999999997</v>
      </c>
      <c r="AC19" s="401">
        <v>208.2</v>
      </c>
      <c r="AD19" s="401">
        <v>21.2</v>
      </c>
      <c r="AE19" s="401">
        <v>126.3</v>
      </c>
      <c r="AF19" s="401">
        <v>-4</v>
      </c>
      <c r="AG19" s="401">
        <v>173.8</v>
      </c>
      <c r="AH19" s="401">
        <v>6.8</v>
      </c>
      <c r="AI19" s="401">
        <v>133.1</v>
      </c>
      <c r="AJ19" s="401">
        <v>-5.4</v>
      </c>
      <c r="AK19" s="373"/>
    </row>
    <row r="20" spans="1:38" s="375" customFormat="1" ht="15" customHeight="1" x14ac:dyDescent="0.15">
      <c r="A20" s="620"/>
      <c r="B20" s="645"/>
      <c r="C20" s="397"/>
      <c r="D20" s="398" t="s">
        <v>200</v>
      </c>
      <c r="E20" s="399">
        <v>113.2</v>
      </c>
      <c r="F20" s="400">
        <v>-1.7</v>
      </c>
      <c r="G20" s="399">
        <v>110.5</v>
      </c>
      <c r="H20" s="399">
        <v>-21.6</v>
      </c>
      <c r="I20" s="399">
        <v>137.69999999999999</v>
      </c>
      <c r="J20" s="399">
        <v>-5.3</v>
      </c>
      <c r="K20" s="399">
        <v>73.8</v>
      </c>
      <c r="L20" s="399">
        <v>-10.199999999999999</v>
      </c>
      <c r="M20" s="399">
        <v>96.9</v>
      </c>
      <c r="N20" s="399">
        <v>-3.6</v>
      </c>
      <c r="O20" s="399">
        <v>99.7</v>
      </c>
      <c r="P20" s="399">
        <v>5.7</v>
      </c>
      <c r="Q20" s="399">
        <v>112</v>
      </c>
      <c r="R20" s="399">
        <v>-7.9</v>
      </c>
      <c r="S20" s="399">
        <v>96.9</v>
      </c>
      <c r="T20" s="399">
        <v>10.199999999999999</v>
      </c>
      <c r="U20" s="399">
        <v>118.8</v>
      </c>
      <c r="V20" s="399">
        <v>20.2</v>
      </c>
      <c r="W20" s="399">
        <v>149.80000000000001</v>
      </c>
      <c r="X20" s="399">
        <v>3</v>
      </c>
      <c r="Y20" s="399">
        <v>119.5</v>
      </c>
      <c r="Z20" s="399">
        <v>3.8</v>
      </c>
      <c r="AA20" s="399">
        <v>124.3</v>
      </c>
      <c r="AB20" s="399">
        <v>8.9</v>
      </c>
      <c r="AC20" s="399">
        <v>84.4</v>
      </c>
      <c r="AD20" s="399">
        <v>1.2</v>
      </c>
      <c r="AE20" s="399">
        <v>103</v>
      </c>
      <c r="AF20" s="399">
        <v>-0.5</v>
      </c>
      <c r="AG20" s="399">
        <v>96.1</v>
      </c>
      <c r="AH20" s="399">
        <v>-6.4</v>
      </c>
      <c r="AI20" s="399">
        <v>119.8</v>
      </c>
      <c r="AJ20" s="399">
        <v>16</v>
      </c>
      <c r="AK20" s="373"/>
    </row>
    <row r="21" spans="1:38" s="375" customFormat="1" ht="15" customHeight="1" x14ac:dyDescent="0.15">
      <c r="A21" s="620"/>
      <c r="B21" s="645"/>
      <c r="C21" s="397"/>
      <c r="D21" s="398" t="s">
        <v>201</v>
      </c>
      <c r="E21" s="401">
        <v>79.599999999999994</v>
      </c>
      <c r="F21" s="402">
        <v>-2.6</v>
      </c>
      <c r="G21" s="401">
        <v>92.9</v>
      </c>
      <c r="H21" s="401">
        <v>-11.9</v>
      </c>
      <c r="I21" s="401">
        <v>81</v>
      </c>
      <c r="J21" s="401">
        <v>-0.6</v>
      </c>
      <c r="K21" s="401">
        <v>82.6</v>
      </c>
      <c r="L21" s="401">
        <v>0.7</v>
      </c>
      <c r="M21" s="401">
        <v>81.5</v>
      </c>
      <c r="N21" s="401">
        <v>2.5</v>
      </c>
      <c r="O21" s="401">
        <v>71.2</v>
      </c>
      <c r="P21" s="401">
        <v>-3.9</v>
      </c>
      <c r="Q21" s="401">
        <v>71.3</v>
      </c>
      <c r="R21" s="401">
        <v>-3.8</v>
      </c>
      <c r="S21" s="401">
        <v>77.2</v>
      </c>
      <c r="T21" s="401">
        <v>8.6</v>
      </c>
      <c r="U21" s="401">
        <v>80.2</v>
      </c>
      <c r="V21" s="401">
        <v>1.8</v>
      </c>
      <c r="W21" s="401">
        <v>75.900000000000006</v>
      </c>
      <c r="X21" s="401">
        <v>-12.4</v>
      </c>
      <c r="Y21" s="401">
        <v>106.7</v>
      </c>
      <c r="Z21" s="401">
        <v>7.7</v>
      </c>
      <c r="AA21" s="401">
        <v>111.3</v>
      </c>
      <c r="AB21" s="401">
        <v>21.2</v>
      </c>
      <c r="AC21" s="401">
        <v>73.400000000000006</v>
      </c>
      <c r="AD21" s="401">
        <v>8.9</v>
      </c>
      <c r="AE21" s="401">
        <v>83.8</v>
      </c>
      <c r="AF21" s="401">
        <v>-7.1</v>
      </c>
      <c r="AG21" s="401">
        <v>73.2</v>
      </c>
      <c r="AH21" s="401">
        <v>0.3</v>
      </c>
      <c r="AI21" s="401">
        <v>86.8</v>
      </c>
      <c r="AJ21" s="401">
        <v>2.1</v>
      </c>
      <c r="AK21" s="373"/>
    </row>
    <row r="22" spans="1:38" s="375" customFormat="1" ht="15" customHeight="1" x14ac:dyDescent="0.15">
      <c r="A22" s="620"/>
      <c r="B22" s="645"/>
      <c r="C22" s="397"/>
      <c r="D22" s="398" t="s">
        <v>202</v>
      </c>
      <c r="E22" s="399">
        <v>79.7</v>
      </c>
      <c r="F22" s="400">
        <v>-1.4</v>
      </c>
      <c r="G22" s="399">
        <v>86.2</v>
      </c>
      <c r="H22" s="399">
        <v>-12.4</v>
      </c>
      <c r="I22" s="399">
        <v>82.7</v>
      </c>
      <c r="J22" s="399">
        <v>-1</v>
      </c>
      <c r="K22" s="399">
        <v>71.7</v>
      </c>
      <c r="L22" s="399">
        <v>-13.6</v>
      </c>
      <c r="M22" s="399">
        <v>80.7</v>
      </c>
      <c r="N22" s="399">
        <v>2.2000000000000002</v>
      </c>
      <c r="O22" s="399">
        <v>74.3</v>
      </c>
      <c r="P22" s="399">
        <v>-1.3</v>
      </c>
      <c r="Q22" s="399">
        <v>72.3</v>
      </c>
      <c r="R22" s="399">
        <v>-4.4000000000000004</v>
      </c>
      <c r="S22" s="399">
        <v>80</v>
      </c>
      <c r="T22" s="399">
        <v>5.0999999999999996</v>
      </c>
      <c r="U22" s="399">
        <v>78.099999999999994</v>
      </c>
      <c r="V22" s="399">
        <v>-8.5</v>
      </c>
      <c r="W22" s="399">
        <v>75.900000000000006</v>
      </c>
      <c r="X22" s="399">
        <v>-3.7</v>
      </c>
      <c r="Y22" s="399">
        <v>101.1</v>
      </c>
      <c r="Z22" s="399">
        <v>6.3</v>
      </c>
      <c r="AA22" s="399">
        <v>107.9</v>
      </c>
      <c r="AB22" s="399">
        <v>17.899999999999999</v>
      </c>
      <c r="AC22" s="399">
        <v>77.900000000000006</v>
      </c>
      <c r="AD22" s="399">
        <v>12.1</v>
      </c>
      <c r="AE22" s="399">
        <v>81.099999999999994</v>
      </c>
      <c r="AF22" s="399">
        <v>-4.5999999999999996</v>
      </c>
      <c r="AG22" s="399">
        <v>72.5</v>
      </c>
      <c r="AH22" s="399">
        <v>-5.7</v>
      </c>
      <c r="AI22" s="399">
        <v>89.2</v>
      </c>
      <c r="AJ22" s="399">
        <v>3.6</v>
      </c>
      <c r="AK22" s="403"/>
      <c r="AL22" s="404"/>
    </row>
    <row r="23" spans="1:38" s="375" customFormat="1" ht="15" customHeight="1" x14ac:dyDescent="0.15">
      <c r="A23" s="620"/>
      <c r="B23" s="645"/>
      <c r="C23" s="397"/>
      <c r="D23" s="398" t="s">
        <v>203</v>
      </c>
      <c r="E23" s="401">
        <v>81.8</v>
      </c>
      <c r="F23" s="402">
        <v>0.6</v>
      </c>
      <c r="G23" s="401">
        <v>87.5</v>
      </c>
      <c r="H23" s="401">
        <v>-10.8</v>
      </c>
      <c r="I23" s="401">
        <v>81.900000000000006</v>
      </c>
      <c r="J23" s="401">
        <v>0.7</v>
      </c>
      <c r="K23" s="401">
        <v>88.6</v>
      </c>
      <c r="L23" s="401">
        <v>5</v>
      </c>
      <c r="M23" s="401">
        <v>83.7</v>
      </c>
      <c r="N23" s="401">
        <v>-1.9</v>
      </c>
      <c r="O23" s="401">
        <v>80.900000000000006</v>
      </c>
      <c r="P23" s="401">
        <v>-4</v>
      </c>
      <c r="Q23" s="401">
        <v>76.3</v>
      </c>
      <c r="R23" s="401">
        <v>-0.4</v>
      </c>
      <c r="S23" s="401">
        <v>81.099999999999994</v>
      </c>
      <c r="T23" s="401">
        <v>9.4</v>
      </c>
      <c r="U23" s="401">
        <v>84.6</v>
      </c>
      <c r="V23" s="401">
        <v>1.9</v>
      </c>
      <c r="W23" s="401">
        <v>78.599999999999994</v>
      </c>
      <c r="X23" s="401">
        <v>-2.7</v>
      </c>
      <c r="Y23" s="401">
        <v>102.1</v>
      </c>
      <c r="Z23" s="401">
        <v>7.1</v>
      </c>
      <c r="AA23" s="401">
        <v>111.5</v>
      </c>
      <c r="AB23" s="401">
        <v>21.6</v>
      </c>
      <c r="AC23" s="401">
        <v>78.7</v>
      </c>
      <c r="AD23" s="401">
        <v>9.3000000000000007</v>
      </c>
      <c r="AE23" s="401">
        <v>83.8</v>
      </c>
      <c r="AF23" s="401">
        <v>1</v>
      </c>
      <c r="AG23" s="401">
        <v>79</v>
      </c>
      <c r="AH23" s="401">
        <v>6.9</v>
      </c>
      <c r="AI23" s="401">
        <v>88.2</v>
      </c>
      <c r="AJ23" s="401">
        <v>4.5</v>
      </c>
      <c r="AK23" s="403"/>
      <c r="AL23" s="404"/>
    </row>
    <row r="24" spans="1:38" s="375" customFormat="1" ht="15" customHeight="1" x14ac:dyDescent="0.15">
      <c r="A24" s="620"/>
      <c r="B24" s="645"/>
      <c r="C24" s="397"/>
      <c r="D24" s="398" t="s">
        <v>204</v>
      </c>
      <c r="E24" s="399">
        <v>83.3</v>
      </c>
      <c r="F24" s="400">
        <v>-0.2</v>
      </c>
      <c r="G24" s="399">
        <v>86.1</v>
      </c>
      <c r="H24" s="399">
        <v>-20.7</v>
      </c>
      <c r="I24" s="399">
        <v>87.1</v>
      </c>
      <c r="J24" s="399">
        <v>1.9</v>
      </c>
      <c r="K24" s="399">
        <v>70.7</v>
      </c>
      <c r="L24" s="399">
        <v>-13.1</v>
      </c>
      <c r="M24" s="399">
        <v>84.1</v>
      </c>
      <c r="N24" s="399">
        <v>7.8</v>
      </c>
      <c r="O24" s="399">
        <v>72.3</v>
      </c>
      <c r="P24" s="399">
        <v>-6.1</v>
      </c>
      <c r="Q24" s="399">
        <v>75.599999999999994</v>
      </c>
      <c r="R24" s="399">
        <v>0</v>
      </c>
      <c r="S24" s="399">
        <v>84.3</v>
      </c>
      <c r="T24" s="399">
        <v>6.4</v>
      </c>
      <c r="U24" s="399">
        <v>84.4</v>
      </c>
      <c r="V24" s="399">
        <v>10.8</v>
      </c>
      <c r="W24" s="399">
        <v>83.9</v>
      </c>
      <c r="X24" s="399">
        <v>-0.1</v>
      </c>
      <c r="Y24" s="399">
        <v>103</v>
      </c>
      <c r="Z24" s="399">
        <v>1.8</v>
      </c>
      <c r="AA24" s="399">
        <v>112.1</v>
      </c>
      <c r="AB24" s="399">
        <v>19.5</v>
      </c>
      <c r="AC24" s="399">
        <v>74.5</v>
      </c>
      <c r="AD24" s="399">
        <v>8.9</v>
      </c>
      <c r="AE24" s="399">
        <v>93.3</v>
      </c>
      <c r="AF24" s="399">
        <v>-2.4</v>
      </c>
      <c r="AG24" s="399">
        <v>72.099999999999994</v>
      </c>
      <c r="AH24" s="399">
        <v>-10.5</v>
      </c>
      <c r="AI24" s="399">
        <v>88.6</v>
      </c>
      <c r="AJ24" s="399">
        <v>7.5</v>
      </c>
      <c r="AK24" s="403"/>
      <c r="AL24" s="404"/>
    </row>
    <row r="25" spans="1:38" s="375" customFormat="1" ht="15" customHeight="1" x14ac:dyDescent="0.15">
      <c r="A25" s="620"/>
      <c r="B25" s="645"/>
      <c r="C25" s="397"/>
      <c r="D25" s="398" t="s">
        <v>205</v>
      </c>
      <c r="E25" s="401">
        <v>173</v>
      </c>
      <c r="F25" s="402">
        <v>2.4</v>
      </c>
      <c r="G25" s="401">
        <v>163.19999999999999</v>
      </c>
      <c r="H25" s="401">
        <v>-14.9</v>
      </c>
      <c r="I25" s="401">
        <v>201.8</v>
      </c>
      <c r="J25" s="401">
        <v>1.9</v>
      </c>
      <c r="K25" s="401">
        <v>200.6</v>
      </c>
      <c r="L25" s="401">
        <v>12.5</v>
      </c>
      <c r="M25" s="401">
        <v>230</v>
      </c>
      <c r="N25" s="401">
        <v>1.5</v>
      </c>
      <c r="O25" s="401">
        <v>142.4</v>
      </c>
      <c r="P25" s="401">
        <v>3.2</v>
      </c>
      <c r="Q25" s="401">
        <v>147.30000000000001</v>
      </c>
      <c r="R25" s="401">
        <v>14.5</v>
      </c>
      <c r="S25" s="401">
        <v>202.2</v>
      </c>
      <c r="T25" s="401">
        <v>4.8</v>
      </c>
      <c r="U25" s="401">
        <v>198.7</v>
      </c>
      <c r="V25" s="401">
        <v>-1.1000000000000001</v>
      </c>
      <c r="W25" s="401">
        <v>184.2</v>
      </c>
      <c r="X25" s="401">
        <v>-11.9</v>
      </c>
      <c r="Y25" s="401">
        <v>127</v>
      </c>
      <c r="Z25" s="401">
        <v>2.8</v>
      </c>
      <c r="AA25" s="401">
        <v>148.4</v>
      </c>
      <c r="AB25" s="401">
        <v>-6.1</v>
      </c>
      <c r="AC25" s="401">
        <v>235.9</v>
      </c>
      <c r="AD25" s="401">
        <v>12.8</v>
      </c>
      <c r="AE25" s="401">
        <v>152</v>
      </c>
      <c r="AF25" s="401">
        <v>2.2000000000000002</v>
      </c>
      <c r="AG25" s="401">
        <v>192.6</v>
      </c>
      <c r="AH25" s="401">
        <v>-0.4</v>
      </c>
      <c r="AI25" s="401">
        <v>172.9</v>
      </c>
      <c r="AJ25" s="401">
        <v>11.5</v>
      </c>
      <c r="AK25" s="403"/>
      <c r="AL25" s="404"/>
    </row>
    <row r="26" spans="1:38" s="375" customFormat="1" ht="13.5" customHeight="1" x14ac:dyDescent="0.15">
      <c r="A26" s="620"/>
      <c r="B26" s="645"/>
      <c r="C26" s="397"/>
      <c r="D26" s="398"/>
      <c r="E26" s="401"/>
      <c r="F26" s="402"/>
      <c r="G26" s="401"/>
      <c r="H26" s="401"/>
      <c r="I26" s="401"/>
      <c r="J26" s="401"/>
      <c r="K26" s="401"/>
      <c r="L26" s="401"/>
      <c r="M26" s="401"/>
      <c r="N26" s="401"/>
      <c r="O26" s="401"/>
      <c r="P26" s="401"/>
      <c r="Q26" s="401"/>
      <c r="R26" s="401"/>
      <c r="S26" s="401"/>
      <c r="T26" s="401"/>
      <c r="U26" s="401"/>
      <c r="V26" s="401"/>
      <c r="W26" s="401"/>
      <c r="X26" s="401"/>
      <c r="Y26" s="401"/>
      <c r="Z26" s="401"/>
      <c r="AA26" s="401"/>
      <c r="AB26" s="401"/>
      <c r="AC26" s="401"/>
      <c r="AD26" s="401"/>
      <c r="AE26" s="401"/>
      <c r="AF26" s="401"/>
      <c r="AG26" s="401"/>
      <c r="AH26" s="401"/>
      <c r="AI26" s="401"/>
      <c r="AJ26" s="401"/>
      <c r="AK26" s="373"/>
    </row>
    <row r="27" spans="1:38" s="375" customFormat="1" ht="13.5" customHeight="1" x14ac:dyDescent="0.15">
      <c r="A27" s="620"/>
      <c r="B27" s="645"/>
      <c r="C27" s="347" t="s">
        <v>206</v>
      </c>
      <c r="D27" s="398" t="s">
        <v>194</v>
      </c>
      <c r="E27" s="399">
        <v>79.900000000000006</v>
      </c>
      <c r="F27" s="400">
        <v>3.2</v>
      </c>
      <c r="G27" s="399">
        <v>93.9</v>
      </c>
      <c r="H27" s="399">
        <v>12.1</v>
      </c>
      <c r="I27" s="399">
        <v>81.2</v>
      </c>
      <c r="J27" s="399">
        <v>1.6</v>
      </c>
      <c r="K27" s="399">
        <v>74.3</v>
      </c>
      <c r="L27" s="399">
        <v>6.8</v>
      </c>
      <c r="M27" s="399">
        <v>81.099999999999994</v>
      </c>
      <c r="N27" s="399">
        <v>-0.5</v>
      </c>
      <c r="O27" s="399">
        <v>70.5</v>
      </c>
      <c r="P27" s="399">
        <v>-3.8</v>
      </c>
      <c r="Q27" s="399">
        <v>76.599999999999994</v>
      </c>
      <c r="R27" s="399">
        <v>9</v>
      </c>
      <c r="S27" s="399">
        <v>80.5</v>
      </c>
      <c r="T27" s="399">
        <v>0.4</v>
      </c>
      <c r="U27" s="399">
        <v>84.4</v>
      </c>
      <c r="V27" s="399">
        <v>2.4</v>
      </c>
      <c r="W27" s="399">
        <v>73</v>
      </c>
      <c r="X27" s="399">
        <v>1.8</v>
      </c>
      <c r="Y27" s="399">
        <v>109.5</v>
      </c>
      <c r="Z27" s="399">
        <v>8.8000000000000007</v>
      </c>
      <c r="AA27" s="399">
        <v>106.9</v>
      </c>
      <c r="AB27" s="399">
        <v>22.9</v>
      </c>
      <c r="AC27" s="399">
        <v>77.8</v>
      </c>
      <c r="AD27" s="399">
        <v>6.3</v>
      </c>
      <c r="AE27" s="399">
        <v>80.8</v>
      </c>
      <c r="AF27" s="399">
        <v>-1</v>
      </c>
      <c r="AG27" s="399">
        <v>78.7</v>
      </c>
      <c r="AH27" s="399">
        <v>6.8</v>
      </c>
      <c r="AI27" s="399">
        <v>85.4</v>
      </c>
      <c r="AJ27" s="399">
        <v>0.7</v>
      </c>
      <c r="AK27" s="373"/>
    </row>
    <row r="28" spans="1:38" s="375" customFormat="1" ht="11.25" customHeight="1" x14ac:dyDescent="0.15">
      <c r="A28" s="620"/>
      <c r="B28" s="646"/>
      <c r="C28" s="405"/>
      <c r="D28" s="406"/>
      <c r="E28" s="401"/>
      <c r="F28" s="402"/>
      <c r="G28" s="401"/>
      <c r="H28" s="401"/>
      <c r="I28" s="401"/>
      <c r="J28" s="401"/>
      <c r="K28" s="401"/>
      <c r="L28" s="401"/>
      <c r="M28" s="401"/>
      <c r="N28" s="401"/>
      <c r="O28" s="401"/>
      <c r="P28" s="401"/>
      <c r="Q28" s="401"/>
      <c r="R28" s="407"/>
      <c r="S28" s="401"/>
      <c r="T28" s="401"/>
      <c r="U28" s="401"/>
      <c r="V28" s="401"/>
      <c r="W28" s="401"/>
      <c r="X28" s="401"/>
      <c r="Y28" s="401"/>
      <c r="Z28" s="401"/>
      <c r="AA28" s="401"/>
      <c r="AB28" s="401"/>
      <c r="AC28" s="401"/>
      <c r="AD28" s="401"/>
      <c r="AE28" s="401"/>
      <c r="AF28" s="401"/>
      <c r="AG28" s="401"/>
      <c r="AH28" s="401"/>
      <c r="AI28" s="401"/>
      <c r="AJ28" s="401"/>
      <c r="AK28" s="373"/>
    </row>
    <row r="29" spans="1:38" s="375" customFormat="1" ht="11.25" customHeight="1" x14ac:dyDescent="0.15">
      <c r="A29" s="620"/>
      <c r="B29" s="408"/>
      <c r="C29" s="409"/>
      <c r="D29" s="410"/>
      <c r="E29" s="411"/>
      <c r="F29" s="412"/>
      <c r="G29" s="411"/>
      <c r="H29" s="411"/>
      <c r="I29" s="411"/>
      <c r="J29" s="411"/>
      <c r="K29" s="411"/>
      <c r="L29" s="411"/>
      <c r="M29" s="411"/>
      <c r="N29" s="411"/>
      <c r="O29" s="411"/>
      <c r="P29" s="411"/>
      <c r="Q29" s="411"/>
      <c r="R29" s="411"/>
      <c r="S29" s="411"/>
      <c r="T29" s="411"/>
      <c r="U29" s="411"/>
      <c r="V29" s="411"/>
      <c r="W29" s="411"/>
      <c r="X29" s="411"/>
      <c r="Y29" s="411"/>
      <c r="Z29" s="411"/>
      <c r="AA29" s="411"/>
      <c r="AB29" s="411"/>
      <c r="AC29" s="411"/>
      <c r="AD29" s="411"/>
      <c r="AE29" s="411"/>
      <c r="AF29" s="411"/>
      <c r="AG29" s="411"/>
      <c r="AH29" s="411"/>
      <c r="AI29" s="411"/>
      <c r="AJ29" s="411"/>
      <c r="AK29" s="373"/>
    </row>
    <row r="30" spans="1:38" s="375" customFormat="1" ht="13.5" customHeight="1" x14ac:dyDescent="0.15">
      <c r="A30" s="620"/>
      <c r="B30" s="413"/>
      <c r="C30" s="397" t="s">
        <v>188</v>
      </c>
      <c r="D30" s="398" t="s">
        <v>189</v>
      </c>
      <c r="E30" s="399">
        <v>95.9</v>
      </c>
      <c r="F30" s="400">
        <v>-3.7</v>
      </c>
      <c r="G30" s="399">
        <v>104.1</v>
      </c>
      <c r="H30" s="399">
        <v>4.7</v>
      </c>
      <c r="I30" s="399">
        <v>96.4</v>
      </c>
      <c r="J30" s="399">
        <v>-7.9</v>
      </c>
      <c r="K30" s="399">
        <v>93.8</v>
      </c>
      <c r="L30" s="399">
        <v>-1.4</v>
      </c>
      <c r="M30" s="399">
        <v>113.6</v>
      </c>
      <c r="N30" s="399">
        <v>4.8</v>
      </c>
      <c r="O30" s="399">
        <v>81.400000000000006</v>
      </c>
      <c r="P30" s="399">
        <v>-7.3</v>
      </c>
      <c r="Q30" s="399">
        <v>96.5</v>
      </c>
      <c r="R30" s="399">
        <v>-0.6</v>
      </c>
      <c r="S30" s="399">
        <v>93.7</v>
      </c>
      <c r="T30" s="399">
        <v>-4.5999999999999996</v>
      </c>
      <c r="U30" s="399">
        <v>129.30000000000001</v>
      </c>
      <c r="V30" s="399">
        <v>12.2</v>
      </c>
      <c r="W30" s="399">
        <v>105.3</v>
      </c>
      <c r="X30" s="399">
        <v>2.2999999999999998</v>
      </c>
      <c r="Y30" s="399">
        <v>130</v>
      </c>
      <c r="Z30" s="399">
        <v>14.1</v>
      </c>
      <c r="AA30" s="399">
        <v>97.4</v>
      </c>
      <c r="AB30" s="399">
        <v>-6.2</v>
      </c>
      <c r="AC30" s="399">
        <v>80.599999999999994</v>
      </c>
      <c r="AD30" s="399">
        <v>-20.9</v>
      </c>
      <c r="AE30" s="399">
        <v>101.1</v>
      </c>
      <c r="AF30" s="399">
        <v>7.8</v>
      </c>
      <c r="AG30" s="399">
        <v>92.5</v>
      </c>
      <c r="AH30" s="399">
        <v>-6.8</v>
      </c>
      <c r="AI30" s="399">
        <v>89.8</v>
      </c>
      <c r="AJ30" s="399">
        <v>-7.4</v>
      </c>
      <c r="AK30" s="373"/>
    </row>
    <row r="31" spans="1:38" s="375" customFormat="1" ht="13.5" customHeight="1" x14ac:dyDescent="0.15">
      <c r="A31" s="620"/>
      <c r="B31" s="413"/>
      <c r="C31" s="397" t="s">
        <v>188</v>
      </c>
      <c r="D31" s="398" t="s">
        <v>190</v>
      </c>
      <c r="E31" s="401">
        <v>97</v>
      </c>
      <c r="F31" s="402">
        <v>1.1000000000000001</v>
      </c>
      <c r="G31" s="401">
        <v>99.9</v>
      </c>
      <c r="H31" s="401">
        <v>-4</v>
      </c>
      <c r="I31" s="401">
        <v>105.2</v>
      </c>
      <c r="J31" s="401">
        <v>9.1</v>
      </c>
      <c r="K31" s="401">
        <v>88.8</v>
      </c>
      <c r="L31" s="401">
        <v>-5.3</v>
      </c>
      <c r="M31" s="401">
        <v>111.3</v>
      </c>
      <c r="N31" s="401">
        <v>-2</v>
      </c>
      <c r="O31" s="401">
        <v>83</v>
      </c>
      <c r="P31" s="401">
        <v>2</v>
      </c>
      <c r="Q31" s="401">
        <v>107.4</v>
      </c>
      <c r="R31" s="401">
        <v>11.3</v>
      </c>
      <c r="S31" s="401">
        <v>83.5</v>
      </c>
      <c r="T31" s="401">
        <v>-10.9</v>
      </c>
      <c r="U31" s="401">
        <v>129.4</v>
      </c>
      <c r="V31" s="401">
        <v>0.1</v>
      </c>
      <c r="W31" s="401">
        <v>102.9</v>
      </c>
      <c r="X31" s="401">
        <v>-2.2999999999999998</v>
      </c>
      <c r="Y31" s="401">
        <v>148.30000000000001</v>
      </c>
      <c r="Z31" s="401">
        <v>14.1</v>
      </c>
      <c r="AA31" s="401">
        <v>102.4</v>
      </c>
      <c r="AB31" s="401">
        <v>5.0999999999999996</v>
      </c>
      <c r="AC31" s="401">
        <v>80.8</v>
      </c>
      <c r="AD31" s="401">
        <v>0.2</v>
      </c>
      <c r="AE31" s="401">
        <v>93.9</v>
      </c>
      <c r="AF31" s="401">
        <v>-7.1</v>
      </c>
      <c r="AG31" s="401">
        <v>87.9</v>
      </c>
      <c r="AH31" s="401">
        <v>-5</v>
      </c>
      <c r="AI31" s="401">
        <v>83.8</v>
      </c>
      <c r="AJ31" s="401">
        <v>-6.7</v>
      </c>
      <c r="AK31" s="373"/>
    </row>
    <row r="32" spans="1:38" s="375" customFormat="1" ht="13.5" customHeight="1" x14ac:dyDescent="0.15">
      <c r="A32" s="620"/>
      <c r="B32" s="413"/>
      <c r="C32" s="397" t="s">
        <v>188</v>
      </c>
      <c r="D32" s="398" t="s">
        <v>191</v>
      </c>
      <c r="E32" s="399">
        <v>99.2</v>
      </c>
      <c r="F32" s="414">
        <v>0.3</v>
      </c>
      <c r="G32" s="415">
        <v>102.1</v>
      </c>
      <c r="H32" s="415">
        <v>1.3</v>
      </c>
      <c r="I32" s="415">
        <v>100.6</v>
      </c>
      <c r="J32" s="415">
        <v>-4</v>
      </c>
      <c r="K32" s="415">
        <v>97.2</v>
      </c>
      <c r="L32" s="416">
        <v>9.6999999999999993</v>
      </c>
      <c r="M32" s="416">
        <v>107</v>
      </c>
      <c r="N32" s="416">
        <v>-3.6</v>
      </c>
      <c r="O32" s="416">
        <v>83.8</v>
      </c>
      <c r="P32" s="416">
        <v>1.5</v>
      </c>
      <c r="Q32" s="416">
        <v>96.4</v>
      </c>
      <c r="R32" s="416">
        <v>-9.6999999999999993</v>
      </c>
      <c r="S32" s="416">
        <v>89</v>
      </c>
      <c r="T32" s="416">
        <v>6</v>
      </c>
      <c r="U32" s="416">
        <v>111</v>
      </c>
      <c r="V32" s="416">
        <v>-8.6</v>
      </c>
      <c r="W32" s="416">
        <v>102.7</v>
      </c>
      <c r="X32" s="416">
        <v>0.3</v>
      </c>
      <c r="Y32" s="416">
        <v>125.1</v>
      </c>
      <c r="Z32" s="416">
        <v>-15.7</v>
      </c>
      <c r="AA32" s="416">
        <v>114.5</v>
      </c>
      <c r="AB32" s="416">
        <v>12.8</v>
      </c>
      <c r="AC32" s="416">
        <v>87.3</v>
      </c>
      <c r="AD32" s="416">
        <v>7.6</v>
      </c>
      <c r="AE32" s="416">
        <v>101.5</v>
      </c>
      <c r="AF32" s="416">
        <v>7.4</v>
      </c>
      <c r="AG32" s="416">
        <v>91.8</v>
      </c>
      <c r="AH32" s="416">
        <v>5.4</v>
      </c>
      <c r="AI32" s="416">
        <v>95.2</v>
      </c>
      <c r="AJ32" s="416">
        <v>12</v>
      </c>
      <c r="AK32" s="373"/>
    </row>
    <row r="33" spans="1:38" s="375" customFormat="1" ht="13.5" customHeight="1" x14ac:dyDescent="0.15">
      <c r="A33" s="620"/>
      <c r="B33" s="413"/>
      <c r="C33" s="397" t="s">
        <v>188</v>
      </c>
      <c r="D33" s="398" t="s">
        <v>192</v>
      </c>
      <c r="E33" s="401">
        <v>99.7</v>
      </c>
      <c r="F33" s="402">
        <v>0.5</v>
      </c>
      <c r="G33" s="401">
        <v>100.2</v>
      </c>
      <c r="H33" s="401">
        <v>-1.9</v>
      </c>
      <c r="I33" s="401">
        <v>100.4</v>
      </c>
      <c r="J33" s="401">
        <v>-0.2</v>
      </c>
      <c r="K33" s="401">
        <v>92.7</v>
      </c>
      <c r="L33" s="401">
        <v>-4.5999999999999996</v>
      </c>
      <c r="M33" s="401">
        <v>108.6</v>
      </c>
      <c r="N33" s="401">
        <v>1.5</v>
      </c>
      <c r="O33" s="401">
        <v>82.7</v>
      </c>
      <c r="P33" s="401">
        <v>-1.3</v>
      </c>
      <c r="Q33" s="401">
        <v>97.7</v>
      </c>
      <c r="R33" s="401">
        <v>1.3</v>
      </c>
      <c r="S33" s="401">
        <v>95.3</v>
      </c>
      <c r="T33" s="401">
        <v>7.1</v>
      </c>
      <c r="U33" s="401">
        <v>95.1</v>
      </c>
      <c r="V33" s="401">
        <v>-14.3</v>
      </c>
      <c r="W33" s="401">
        <v>95.6</v>
      </c>
      <c r="X33" s="401">
        <v>-6.9</v>
      </c>
      <c r="Y33" s="401">
        <v>131.6</v>
      </c>
      <c r="Z33" s="401">
        <v>5.2</v>
      </c>
      <c r="AA33" s="401">
        <v>114.4</v>
      </c>
      <c r="AB33" s="401">
        <v>-0.1</v>
      </c>
      <c r="AC33" s="401">
        <v>94.6</v>
      </c>
      <c r="AD33" s="401">
        <v>8.4</v>
      </c>
      <c r="AE33" s="401">
        <v>99.6</v>
      </c>
      <c r="AF33" s="401">
        <v>-1.9</v>
      </c>
      <c r="AG33" s="417">
        <v>90.1</v>
      </c>
      <c r="AH33" s="401">
        <v>-1.9</v>
      </c>
      <c r="AI33" s="401">
        <v>103.2</v>
      </c>
      <c r="AJ33" s="401">
        <v>8.4</v>
      </c>
      <c r="AK33" s="373"/>
    </row>
    <row r="34" spans="1:38" s="375" customFormat="1" ht="13.5" customHeight="1" x14ac:dyDescent="0.15">
      <c r="A34" s="620"/>
      <c r="B34" s="413"/>
      <c r="C34" s="397"/>
      <c r="D34" s="398"/>
      <c r="E34" s="401"/>
      <c r="F34" s="402"/>
      <c r="G34" s="401"/>
      <c r="H34" s="401"/>
      <c r="I34" s="401"/>
      <c r="J34" s="401"/>
      <c r="K34" s="401"/>
      <c r="L34" s="401"/>
      <c r="M34" s="401"/>
      <c r="N34" s="401"/>
      <c r="O34" s="401"/>
      <c r="P34" s="401"/>
      <c r="Q34" s="401"/>
      <c r="R34" s="401"/>
      <c r="S34" s="401"/>
      <c r="T34" s="401"/>
      <c r="U34" s="401"/>
      <c r="V34" s="401"/>
      <c r="W34" s="401"/>
      <c r="X34" s="401"/>
      <c r="Y34" s="401"/>
      <c r="Z34" s="401"/>
      <c r="AA34" s="401"/>
      <c r="AB34" s="401"/>
      <c r="AC34" s="401"/>
      <c r="AD34" s="401"/>
      <c r="AE34" s="401"/>
      <c r="AF34" s="401"/>
      <c r="AG34" s="417"/>
      <c r="AH34" s="417"/>
      <c r="AI34" s="401"/>
      <c r="AJ34" s="401"/>
      <c r="AK34" s="373"/>
    </row>
    <row r="35" spans="1:38" s="375" customFormat="1" ht="15" customHeight="1" x14ac:dyDescent="0.15">
      <c r="A35" s="620"/>
      <c r="B35" s="647" t="s">
        <v>0</v>
      </c>
      <c r="C35" s="347" t="s">
        <v>193</v>
      </c>
      <c r="D35" s="398" t="s">
        <v>194</v>
      </c>
      <c r="E35" s="399">
        <v>78.8</v>
      </c>
      <c r="F35" s="400">
        <v>-2.7</v>
      </c>
      <c r="G35" s="399">
        <v>74.7</v>
      </c>
      <c r="H35" s="399">
        <v>-4.5</v>
      </c>
      <c r="I35" s="399">
        <v>77.900000000000006</v>
      </c>
      <c r="J35" s="399">
        <v>-3.1</v>
      </c>
      <c r="K35" s="399">
        <v>69.8</v>
      </c>
      <c r="L35" s="399">
        <v>-13.3</v>
      </c>
      <c r="M35" s="399">
        <v>81.5</v>
      </c>
      <c r="N35" s="399">
        <v>3.2</v>
      </c>
      <c r="O35" s="399">
        <v>70</v>
      </c>
      <c r="P35" s="399">
        <v>-6.5</v>
      </c>
      <c r="Q35" s="399">
        <v>77.3</v>
      </c>
      <c r="R35" s="399">
        <v>-7.1</v>
      </c>
      <c r="S35" s="399">
        <v>70.599999999999994</v>
      </c>
      <c r="T35" s="399">
        <v>4.0999999999999996</v>
      </c>
      <c r="U35" s="399">
        <v>75.099999999999994</v>
      </c>
      <c r="V35" s="399">
        <v>-14.5</v>
      </c>
      <c r="W35" s="399">
        <v>70</v>
      </c>
      <c r="X35" s="399">
        <v>-5.5</v>
      </c>
      <c r="Y35" s="399">
        <v>123.7</v>
      </c>
      <c r="Z35" s="399">
        <v>9.6999999999999993</v>
      </c>
      <c r="AA35" s="399">
        <v>99</v>
      </c>
      <c r="AB35" s="399">
        <v>-14.9</v>
      </c>
      <c r="AC35" s="399">
        <v>69.099999999999994</v>
      </c>
      <c r="AD35" s="399">
        <v>7.6</v>
      </c>
      <c r="AE35" s="399">
        <v>83.6</v>
      </c>
      <c r="AF35" s="399">
        <v>-7.4</v>
      </c>
      <c r="AG35" s="418">
        <v>72.5</v>
      </c>
      <c r="AH35" s="399">
        <v>-23.8</v>
      </c>
      <c r="AI35" s="399">
        <v>87.6</v>
      </c>
      <c r="AJ35" s="399">
        <v>9.6</v>
      </c>
      <c r="AK35" s="373"/>
    </row>
    <row r="36" spans="1:38" s="375" customFormat="1" ht="15" customHeight="1" x14ac:dyDescent="0.15">
      <c r="A36" s="620"/>
      <c r="B36" s="647"/>
      <c r="C36" s="397"/>
      <c r="D36" s="398" t="s">
        <v>195</v>
      </c>
      <c r="E36" s="401">
        <v>77.599999999999994</v>
      </c>
      <c r="F36" s="402">
        <v>-3.1</v>
      </c>
      <c r="G36" s="401">
        <v>76.7</v>
      </c>
      <c r="H36" s="401">
        <v>-1.9</v>
      </c>
      <c r="I36" s="401">
        <v>76.599999999999994</v>
      </c>
      <c r="J36" s="401">
        <v>-1.4</v>
      </c>
      <c r="K36" s="401">
        <v>69.900000000000006</v>
      </c>
      <c r="L36" s="401">
        <v>-14.4</v>
      </c>
      <c r="M36" s="401">
        <v>79.3</v>
      </c>
      <c r="N36" s="401">
        <v>3.7</v>
      </c>
      <c r="O36" s="401">
        <v>67.8</v>
      </c>
      <c r="P36" s="401">
        <v>2.7</v>
      </c>
      <c r="Q36" s="401">
        <v>74.599999999999994</v>
      </c>
      <c r="R36" s="401">
        <v>-5.6</v>
      </c>
      <c r="S36" s="401">
        <v>67.7</v>
      </c>
      <c r="T36" s="401">
        <v>2</v>
      </c>
      <c r="U36" s="401">
        <v>71.5</v>
      </c>
      <c r="V36" s="401">
        <v>-17.600000000000001</v>
      </c>
      <c r="W36" s="401">
        <v>71</v>
      </c>
      <c r="X36" s="401">
        <v>-11</v>
      </c>
      <c r="Y36" s="401">
        <v>116.9</v>
      </c>
      <c r="Z36" s="401">
        <v>-25.4</v>
      </c>
      <c r="AA36" s="401">
        <v>93.5</v>
      </c>
      <c r="AB36" s="401">
        <v>-2.4</v>
      </c>
      <c r="AC36" s="401">
        <v>68.900000000000006</v>
      </c>
      <c r="AD36" s="401">
        <v>3</v>
      </c>
      <c r="AE36" s="401">
        <v>83</v>
      </c>
      <c r="AF36" s="401">
        <v>-3.5</v>
      </c>
      <c r="AG36" s="417">
        <v>72.3</v>
      </c>
      <c r="AH36" s="417">
        <v>0.3</v>
      </c>
      <c r="AI36" s="401">
        <v>85.6</v>
      </c>
      <c r="AJ36" s="401">
        <v>0.4</v>
      </c>
      <c r="AK36" s="373"/>
    </row>
    <row r="37" spans="1:38" s="375" customFormat="1" ht="15" customHeight="1" x14ac:dyDescent="0.15">
      <c r="A37" s="620"/>
      <c r="B37" s="647"/>
      <c r="C37" s="397"/>
      <c r="D37" s="398" t="s">
        <v>196</v>
      </c>
      <c r="E37" s="399">
        <v>82.7</v>
      </c>
      <c r="F37" s="400">
        <v>0.4</v>
      </c>
      <c r="G37" s="399">
        <v>81</v>
      </c>
      <c r="H37" s="399">
        <v>-0.2</v>
      </c>
      <c r="I37" s="399">
        <v>80</v>
      </c>
      <c r="J37" s="399">
        <v>-4.4000000000000004</v>
      </c>
      <c r="K37" s="399">
        <v>77.099999999999994</v>
      </c>
      <c r="L37" s="399">
        <v>-7.2</v>
      </c>
      <c r="M37" s="399">
        <v>84.5</v>
      </c>
      <c r="N37" s="399">
        <v>3.8</v>
      </c>
      <c r="O37" s="399">
        <v>73.5</v>
      </c>
      <c r="P37" s="399">
        <v>2.8</v>
      </c>
      <c r="Q37" s="399">
        <v>79.2</v>
      </c>
      <c r="R37" s="399">
        <v>-7.5</v>
      </c>
      <c r="S37" s="399">
        <v>82</v>
      </c>
      <c r="T37" s="399">
        <v>11.7</v>
      </c>
      <c r="U37" s="399">
        <v>71.5</v>
      </c>
      <c r="V37" s="399">
        <v>-22.6</v>
      </c>
      <c r="W37" s="399">
        <v>71.900000000000006</v>
      </c>
      <c r="X37" s="399">
        <v>-6</v>
      </c>
      <c r="Y37" s="399">
        <v>128.30000000000001</v>
      </c>
      <c r="Z37" s="399">
        <v>9.6999999999999993</v>
      </c>
      <c r="AA37" s="399">
        <v>94.8</v>
      </c>
      <c r="AB37" s="399">
        <v>0.3</v>
      </c>
      <c r="AC37" s="399">
        <v>74.099999999999994</v>
      </c>
      <c r="AD37" s="399">
        <v>18.399999999999999</v>
      </c>
      <c r="AE37" s="399">
        <v>90.7</v>
      </c>
      <c r="AF37" s="399">
        <v>2.7</v>
      </c>
      <c r="AG37" s="418">
        <v>71.599999999999994</v>
      </c>
      <c r="AH37" s="418">
        <v>5.3</v>
      </c>
      <c r="AI37" s="399">
        <v>93</v>
      </c>
      <c r="AJ37" s="399">
        <v>5.9</v>
      </c>
      <c r="AK37" s="373"/>
    </row>
    <row r="38" spans="1:38" s="375" customFormat="1" ht="15" customHeight="1" x14ac:dyDescent="0.15">
      <c r="A38" s="620"/>
      <c r="B38" s="647"/>
      <c r="C38" s="397"/>
      <c r="D38" s="398" t="s">
        <v>197</v>
      </c>
      <c r="E38" s="401">
        <v>83.7</v>
      </c>
      <c r="F38" s="402">
        <v>-1.3</v>
      </c>
      <c r="G38" s="401">
        <v>81.5</v>
      </c>
      <c r="H38" s="401">
        <v>-4.2</v>
      </c>
      <c r="I38" s="401">
        <v>82.5</v>
      </c>
      <c r="J38" s="401">
        <v>1.1000000000000001</v>
      </c>
      <c r="K38" s="401">
        <v>70.2</v>
      </c>
      <c r="L38" s="401">
        <v>-17.3</v>
      </c>
      <c r="M38" s="401">
        <v>85.9</v>
      </c>
      <c r="N38" s="401">
        <v>-0.9</v>
      </c>
      <c r="O38" s="401">
        <v>79</v>
      </c>
      <c r="P38" s="401">
        <v>-12.2</v>
      </c>
      <c r="Q38" s="401">
        <v>78.2</v>
      </c>
      <c r="R38" s="401">
        <v>-7.9</v>
      </c>
      <c r="S38" s="401">
        <v>88</v>
      </c>
      <c r="T38" s="401">
        <v>27</v>
      </c>
      <c r="U38" s="401">
        <v>79.5</v>
      </c>
      <c r="V38" s="401">
        <v>-33</v>
      </c>
      <c r="W38" s="401">
        <v>74.099999999999994</v>
      </c>
      <c r="X38" s="401">
        <v>-2.5</v>
      </c>
      <c r="Y38" s="401">
        <v>124.4</v>
      </c>
      <c r="Z38" s="401">
        <v>-15.8</v>
      </c>
      <c r="AA38" s="401">
        <v>101.1</v>
      </c>
      <c r="AB38" s="401">
        <v>2</v>
      </c>
      <c r="AC38" s="401">
        <v>74.099999999999994</v>
      </c>
      <c r="AD38" s="401">
        <v>12.8</v>
      </c>
      <c r="AE38" s="401">
        <v>90</v>
      </c>
      <c r="AF38" s="401">
        <v>0.1</v>
      </c>
      <c r="AG38" s="417">
        <v>78</v>
      </c>
      <c r="AH38" s="417">
        <v>-3</v>
      </c>
      <c r="AI38" s="401">
        <v>88.8</v>
      </c>
      <c r="AJ38" s="401">
        <v>7.1</v>
      </c>
      <c r="AK38" s="373"/>
    </row>
    <row r="39" spans="1:38" s="375" customFormat="1" ht="15" customHeight="1" x14ac:dyDescent="0.15">
      <c r="A39" s="620"/>
      <c r="B39" s="647"/>
      <c r="C39" s="397"/>
      <c r="D39" s="398" t="s">
        <v>198</v>
      </c>
      <c r="E39" s="399">
        <v>81.2</v>
      </c>
      <c r="F39" s="400">
        <v>-2.4</v>
      </c>
      <c r="G39" s="399">
        <v>80.8</v>
      </c>
      <c r="H39" s="399">
        <v>-0.5</v>
      </c>
      <c r="I39" s="399">
        <v>77.2</v>
      </c>
      <c r="J39" s="399">
        <v>-1.3</v>
      </c>
      <c r="K39" s="399">
        <v>70.7</v>
      </c>
      <c r="L39" s="399">
        <v>-15.2</v>
      </c>
      <c r="M39" s="399">
        <v>84.9</v>
      </c>
      <c r="N39" s="399">
        <v>4.8</v>
      </c>
      <c r="O39" s="399">
        <v>71.099999999999994</v>
      </c>
      <c r="P39" s="399">
        <v>-1.5</v>
      </c>
      <c r="Q39" s="399">
        <v>81.3</v>
      </c>
      <c r="R39" s="399">
        <v>-9</v>
      </c>
      <c r="S39" s="399">
        <v>75.5</v>
      </c>
      <c r="T39" s="399">
        <v>9.4</v>
      </c>
      <c r="U39" s="399">
        <v>74.5</v>
      </c>
      <c r="V39" s="399">
        <v>-15.7</v>
      </c>
      <c r="W39" s="399">
        <v>83.3</v>
      </c>
      <c r="X39" s="399">
        <v>-2.1</v>
      </c>
      <c r="Y39" s="399">
        <v>121.6</v>
      </c>
      <c r="Z39" s="399">
        <v>9.1</v>
      </c>
      <c r="AA39" s="399">
        <v>102</v>
      </c>
      <c r="AB39" s="399">
        <v>4.3</v>
      </c>
      <c r="AC39" s="399">
        <v>68.8</v>
      </c>
      <c r="AD39" s="399">
        <v>2.5</v>
      </c>
      <c r="AE39" s="399">
        <v>83.6</v>
      </c>
      <c r="AF39" s="399">
        <v>-11.1</v>
      </c>
      <c r="AG39" s="418">
        <v>73.900000000000006</v>
      </c>
      <c r="AH39" s="418">
        <v>-4.5999999999999996</v>
      </c>
      <c r="AI39" s="399">
        <v>88.3</v>
      </c>
      <c r="AJ39" s="399">
        <v>7.6</v>
      </c>
      <c r="AK39" s="373"/>
    </row>
    <row r="40" spans="1:38" s="375" customFormat="1" ht="15" customHeight="1" x14ac:dyDescent="0.15">
      <c r="A40" s="620"/>
      <c r="B40" s="419">
        <v>30</v>
      </c>
      <c r="C40" s="397"/>
      <c r="D40" s="398" t="s">
        <v>199</v>
      </c>
      <c r="E40" s="401">
        <v>155.1</v>
      </c>
      <c r="F40" s="402">
        <v>4.4000000000000004</v>
      </c>
      <c r="G40" s="401">
        <v>183.7</v>
      </c>
      <c r="H40" s="401">
        <v>6.5</v>
      </c>
      <c r="I40" s="401">
        <v>154.4</v>
      </c>
      <c r="J40" s="401">
        <v>11.6</v>
      </c>
      <c r="K40" s="401">
        <v>188.2</v>
      </c>
      <c r="L40" s="401">
        <v>13.6</v>
      </c>
      <c r="M40" s="401">
        <v>221.5</v>
      </c>
      <c r="N40" s="401">
        <v>-2.6</v>
      </c>
      <c r="O40" s="401">
        <v>115.5</v>
      </c>
      <c r="P40" s="401">
        <v>0.3</v>
      </c>
      <c r="Q40" s="401">
        <v>127.4</v>
      </c>
      <c r="R40" s="401">
        <v>11.8</v>
      </c>
      <c r="S40" s="401">
        <v>176.3</v>
      </c>
      <c r="T40" s="401">
        <v>4.0999999999999996</v>
      </c>
      <c r="U40" s="401">
        <v>161</v>
      </c>
      <c r="V40" s="401">
        <v>-11.5</v>
      </c>
      <c r="W40" s="401">
        <v>138.1</v>
      </c>
      <c r="X40" s="401">
        <v>-16.2</v>
      </c>
      <c r="Y40" s="401">
        <v>131.4</v>
      </c>
      <c r="Z40" s="401">
        <v>3.5</v>
      </c>
      <c r="AA40" s="401">
        <v>164.1</v>
      </c>
      <c r="AB40" s="401">
        <v>60.9</v>
      </c>
      <c r="AC40" s="401">
        <v>208.2</v>
      </c>
      <c r="AD40" s="401">
        <v>21</v>
      </c>
      <c r="AE40" s="401">
        <v>136.69999999999999</v>
      </c>
      <c r="AF40" s="401">
        <v>-5.2</v>
      </c>
      <c r="AG40" s="417">
        <v>164.1</v>
      </c>
      <c r="AH40" s="417">
        <v>-0.5</v>
      </c>
      <c r="AI40" s="401">
        <v>133</v>
      </c>
      <c r="AJ40" s="401">
        <v>5.9</v>
      </c>
      <c r="AK40" s="373"/>
    </row>
    <row r="41" spans="1:38" s="375" customFormat="1" ht="15" customHeight="1" x14ac:dyDescent="0.15">
      <c r="A41" s="620"/>
      <c r="B41" s="648" t="s">
        <v>163</v>
      </c>
      <c r="C41" s="397"/>
      <c r="D41" s="398" t="s">
        <v>200</v>
      </c>
      <c r="E41" s="399">
        <v>119.1</v>
      </c>
      <c r="F41" s="400">
        <v>1.6</v>
      </c>
      <c r="G41" s="399">
        <v>122</v>
      </c>
      <c r="H41" s="399">
        <v>2.6</v>
      </c>
      <c r="I41" s="399">
        <v>135.30000000000001</v>
      </c>
      <c r="J41" s="399">
        <v>-5.5</v>
      </c>
      <c r="K41" s="399">
        <v>71</v>
      </c>
      <c r="L41" s="399">
        <v>-12.5</v>
      </c>
      <c r="M41" s="399">
        <v>96.8</v>
      </c>
      <c r="N41" s="399">
        <v>-3.1</v>
      </c>
      <c r="O41" s="399">
        <v>94.3</v>
      </c>
      <c r="P41" s="399">
        <v>9</v>
      </c>
      <c r="Q41" s="399">
        <v>135.30000000000001</v>
      </c>
      <c r="R41" s="399">
        <v>-0.4</v>
      </c>
      <c r="S41" s="399">
        <v>85.9</v>
      </c>
      <c r="T41" s="399">
        <v>10</v>
      </c>
      <c r="U41" s="399">
        <v>110.1</v>
      </c>
      <c r="V41" s="399">
        <v>2.8</v>
      </c>
      <c r="W41" s="399">
        <v>146.9</v>
      </c>
      <c r="X41" s="399">
        <v>2.2000000000000002</v>
      </c>
      <c r="Y41" s="399">
        <v>152.9</v>
      </c>
      <c r="Z41" s="399">
        <v>7.2</v>
      </c>
      <c r="AA41" s="399">
        <v>135.6</v>
      </c>
      <c r="AB41" s="399">
        <v>-8.5</v>
      </c>
      <c r="AC41" s="399">
        <v>75.5</v>
      </c>
      <c r="AD41" s="399">
        <v>-2.2000000000000002</v>
      </c>
      <c r="AE41" s="399">
        <v>108</v>
      </c>
      <c r="AF41" s="399">
        <v>4.0999999999999996</v>
      </c>
      <c r="AG41" s="418">
        <v>82.9</v>
      </c>
      <c r="AH41" s="418">
        <v>8.1999999999999993</v>
      </c>
      <c r="AI41" s="399">
        <v>124.3</v>
      </c>
      <c r="AJ41" s="399">
        <v>21.6</v>
      </c>
      <c r="AK41" s="373"/>
    </row>
    <row r="42" spans="1:38" s="375" customFormat="1" ht="15" customHeight="1" x14ac:dyDescent="0.15">
      <c r="A42" s="620"/>
      <c r="B42" s="648"/>
      <c r="C42" s="397"/>
      <c r="D42" s="398" t="s">
        <v>201</v>
      </c>
      <c r="E42" s="401">
        <v>79.7</v>
      </c>
      <c r="F42" s="402">
        <v>-2.7</v>
      </c>
      <c r="G42" s="401">
        <v>87.2</v>
      </c>
      <c r="H42" s="401">
        <v>1.2</v>
      </c>
      <c r="I42" s="401">
        <v>78.099999999999994</v>
      </c>
      <c r="J42" s="401">
        <v>-1.4</v>
      </c>
      <c r="K42" s="401">
        <v>79.400000000000006</v>
      </c>
      <c r="L42" s="401">
        <v>-3.8</v>
      </c>
      <c r="M42" s="401">
        <v>81.7</v>
      </c>
      <c r="N42" s="401">
        <v>3.4</v>
      </c>
      <c r="O42" s="401">
        <v>66.599999999999994</v>
      </c>
      <c r="P42" s="401">
        <v>-4.5999999999999996</v>
      </c>
      <c r="Q42" s="401">
        <v>78.400000000000006</v>
      </c>
      <c r="R42" s="401">
        <v>-5.2</v>
      </c>
      <c r="S42" s="401">
        <v>68.400000000000006</v>
      </c>
      <c r="T42" s="401">
        <v>0.9</v>
      </c>
      <c r="U42" s="401">
        <v>76.3</v>
      </c>
      <c r="V42" s="401">
        <v>-7.6</v>
      </c>
      <c r="W42" s="401">
        <v>71.400000000000006</v>
      </c>
      <c r="X42" s="401">
        <v>-16.8</v>
      </c>
      <c r="Y42" s="401">
        <v>134.4</v>
      </c>
      <c r="Z42" s="401">
        <v>19.899999999999999</v>
      </c>
      <c r="AA42" s="401">
        <v>100.3</v>
      </c>
      <c r="AB42" s="401">
        <v>1.5</v>
      </c>
      <c r="AC42" s="401">
        <v>66.400000000000006</v>
      </c>
      <c r="AD42" s="401">
        <v>4.7</v>
      </c>
      <c r="AE42" s="401">
        <v>86.7</v>
      </c>
      <c r="AF42" s="401">
        <v>-5.8</v>
      </c>
      <c r="AG42" s="417">
        <v>71.900000000000006</v>
      </c>
      <c r="AH42" s="401">
        <v>2.4</v>
      </c>
      <c r="AI42" s="401">
        <v>87.2</v>
      </c>
      <c r="AJ42" s="401">
        <v>4.8</v>
      </c>
      <c r="AK42" s="373"/>
    </row>
    <row r="43" spans="1:38" s="375" customFormat="1" ht="15" customHeight="1" x14ac:dyDescent="0.15">
      <c r="A43" s="620"/>
      <c r="B43" s="648"/>
      <c r="C43" s="397"/>
      <c r="D43" s="398" t="s">
        <v>202</v>
      </c>
      <c r="E43" s="399">
        <v>80.2</v>
      </c>
      <c r="F43" s="400">
        <v>-0.6</v>
      </c>
      <c r="G43" s="399">
        <v>79.8</v>
      </c>
      <c r="H43" s="399">
        <v>1.4</v>
      </c>
      <c r="I43" s="399">
        <v>79.900000000000006</v>
      </c>
      <c r="J43" s="399">
        <v>-1.6</v>
      </c>
      <c r="K43" s="399">
        <v>68.900000000000006</v>
      </c>
      <c r="L43" s="399">
        <v>-16.100000000000001</v>
      </c>
      <c r="M43" s="399">
        <v>80.7</v>
      </c>
      <c r="N43" s="399">
        <v>3.6</v>
      </c>
      <c r="O43" s="399">
        <v>70.3</v>
      </c>
      <c r="P43" s="399">
        <v>0</v>
      </c>
      <c r="Q43" s="399">
        <v>78.8</v>
      </c>
      <c r="R43" s="399">
        <v>-4.5</v>
      </c>
      <c r="S43" s="399">
        <v>74.099999999999994</v>
      </c>
      <c r="T43" s="399">
        <v>-2.8</v>
      </c>
      <c r="U43" s="399">
        <v>76</v>
      </c>
      <c r="V43" s="399">
        <v>-18.2</v>
      </c>
      <c r="W43" s="399">
        <v>72.599999999999994</v>
      </c>
      <c r="X43" s="399">
        <v>-5</v>
      </c>
      <c r="Y43" s="399">
        <v>120.9</v>
      </c>
      <c r="Z43" s="399">
        <v>13.6</v>
      </c>
      <c r="AA43" s="399">
        <v>100.3</v>
      </c>
      <c r="AB43" s="399">
        <v>6.8</v>
      </c>
      <c r="AC43" s="399">
        <v>66.2</v>
      </c>
      <c r="AD43" s="399">
        <v>3.9</v>
      </c>
      <c r="AE43" s="399">
        <v>83.3</v>
      </c>
      <c r="AF43" s="399">
        <v>-5.4</v>
      </c>
      <c r="AG43" s="418">
        <v>71.2</v>
      </c>
      <c r="AH43" s="418">
        <v>-19.3</v>
      </c>
      <c r="AI43" s="399">
        <v>94.1</v>
      </c>
      <c r="AJ43" s="399">
        <v>10.3</v>
      </c>
      <c r="AK43" s="420"/>
      <c r="AL43" s="404"/>
    </row>
    <row r="44" spans="1:38" s="375" customFormat="1" ht="15" customHeight="1" x14ac:dyDescent="0.15">
      <c r="A44" s="620"/>
      <c r="B44" s="413"/>
      <c r="C44" s="397"/>
      <c r="D44" s="398" t="s">
        <v>203</v>
      </c>
      <c r="E44" s="401">
        <v>82.4</v>
      </c>
      <c r="F44" s="402">
        <v>1.2</v>
      </c>
      <c r="G44" s="401">
        <v>80.8</v>
      </c>
      <c r="H44" s="401">
        <v>0.5</v>
      </c>
      <c r="I44" s="401">
        <v>78.900000000000006</v>
      </c>
      <c r="J44" s="401">
        <v>-0.1</v>
      </c>
      <c r="K44" s="401">
        <v>85.2</v>
      </c>
      <c r="L44" s="401">
        <v>1.4</v>
      </c>
      <c r="M44" s="401">
        <v>84</v>
      </c>
      <c r="N44" s="401">
        <v>-1.4</v>
      </c>
      <c r="O44" s="401">
        <v>74.3</v>
      </c>
      <c r="P44" s="401">
        <v>-8.9</v>
      </c>
      <c r="Q44" s="401">
        <v>88.5</v>
      </c>
      <c r="R44" s="401">
        <v>2.8</v>
      </c>
      <c r="S44" s="401">
        <v>74</v>
      </c>
      <c r="T44" s="401">
        <v>7.4</v>
      </c>
      <c r="U44" s="401">
        <v>80.8</v>
      </c>
      <c r="V44" s="401">
        <v>-10.1</v>
      </c>
      <c r="W44" s="401">
        <v>74.3</v>
      </c>
      <c r="X44" s="401">
        <v>-5.6</v>
      </c>
      <c r="Y44" s="401">
        <v>123.1</v>
      </c>
      <c r="Z44" s="401">
        <v>12.2</v>
      </c>
      <c r="AA44" s="401">
        <v>97.1</v>
      </c>
      <c r="AB44" s="401">
        <v>0.4</v>
      </c>
      <c r="AC44" s="401">
        <v>69.400000000000006</v>
      </c>
      <c r="AD44" s="401">
        <v>2.7</v>
      </c>
      <c r="AE44" s="401">
        <v>86.1</v>
      </c>
      <c r="AF44" s="401">
        <v>6.6</v>
      </c>
      <c r="AG44" s="417">
        <v>77.599999999999994</v>
      </c>
      <c r="AH44" s="401">
        <v>8.1</v>
      </c>
      <c r="AI44" s="401">
        <v>90.4</v>
      </c>
      <c r="AJ44" s="401">
        <v>7.9</v>
      </c>
      <c r="AK44" s="420"/>
      <c r="AL44" s="404"/>
    </row>
    <row r="45" spans="1:38" s="375" customFormat="1" ht="15" customHeight="1" x14ac:dyDescent="0.15">
      <c r="A45" s="620"/>
      <c r="B45" s="413"/>
      <c r="C45" s="397"/>
      <c r="D45" s="398" t="s">
        <v>204</v>
      </c>
      <c r="E45" s="399">
        <v>84.1</v>
      </c>
      <c r="F45" s="400">
        <v>1.2</v>
      </c>
      <c r="G45" s="399">
        <v>80</v>
      </c>
      <c r="H45" s="399">
        <v>1.3</v>
      </c>
      <c r="I45" s="399">
        <v>83</v>
      </c>
      <c r="J45" s="399">
        <v>0.2</v>
      </c>
      <c r="K45" s="399">
        <v>68</v>
      </c>
      <c r="L45" s="399">
        <v>-16.8</v>
      </c>
      <c r="M45" s="399">
        <v>83</v>
      </c>
      <c r="N45" s="399">
        <v>7.4</v>
      </c>
      <c r="O45" s="399">
        <v>69.2</v>
      </c>
      <c r="P45" s="399">
        <v>-4.3</v>
      </c>
      <c r="Q45" s="399">
        <v>84.1</v>
      </c>
      <c r="R45" s="399">
        <v>3.1</v>
      </c>
      <c r="S45" s="399">
        <v>71.7</v>
      </c>
      <c r="T45" s="399">
        <v>5</v>
      </c>
      <c r="U45" s="399">
        <v>81.400000000000006</v>
      </c>
      <c r="V45" s="399">
        <v>-1.6</v>
      </c>
      <c r="W45" s="399">
        <v>82.5</v>
      </c>
      <c r="X45" s="399">
        <v>0.2</v>
      </c>
      <c r="Y45" s="399">
        <v>125.4</v>
      </c>
      <c r="Z45" s="399">
        <v>19.399999999999999</v>
      </c>
      <c r="AA45" s="399">
        <v>100.7</v>
      </c>
      <c r="AB45" s="399">
        <v>-3.6</v>
      </c>
      <c r="AC45" s="399">
        <v>64.900000000000006</v>
      </c>
      <c r="AD45" s="399">
        <v>1.6</v>
      </c>
      <c r="AE45" s="399">
        <v>97.3</v>
      </c>
      <c r="AF45" s="399">
        <v>-1.7</v>
      </c>
      <c r="AG45" s="418">
        <v>69.599999999999994</v>
      </c>
      <c r="AH45" s="399">
        <v>-7.9</v>
      </c>
      <c r="AI45" s="399">
        <v>89.9</v>
      </c>
      <c r="AJ45" s="399">
        <v>6.8</v>
      </c>
      <c r="AK45" s="420"/>
      <c r="AL45" s="404"/>
    </row>
    <row r="46" spans="1:38" s="375" customFormat="1" ht="15" customHeight="1" x14ac:dyDescent="0.15">
      <c r="A46" s="620"/>
      <c r="B46" s="413"/>
      <c r="C46" s="397"/>
      <c r="D46" s="398" t="s">
        <v>205</v>
      </c>
      <c r="E46" s="401">
        <v>190.6</v>
      </c>
      <c r="F46" s="402">
        <v>3.5</v>
      </c>
      <c r="G46" s="401">
        <v>173.1</v>
      </c>
      <c r="H46" s="401">
        <v>-14.6</v>
      </c>
      <c r="I46" s="401">
        <v>199.3</v>
      </c>
      <c r="J46" s="401">
        <v>-0.2</v>
      </c>
      <c r="K46" s="401">
        <v>192.8</v>
      </c>
      <c r="L46" s="401">
        <v>10.8</v>
      </c>
      <c r="M46" s="401">
        <v>237</v>
      </c>
      <c r="N46" s="401">
        <v>3.3</v>
      </c>
      <c r="O46" s="401">
        <v>140.19999999999999</v>
      </c>
      <c r="P46" s="401">
        <v>4.4000000000000004</v>
      </c>
      <c r="Q46" s="401">
        <v>187.8</v>
      </c>
      <c r="R46" s="401">
        <v>24.6</v>
      </c>
      <c r="S46" s="401">
        <v>207.2</v>
      </c>
      <c r="T46" s="401">
        <v>8.1</v>
      </c>
      <c r="U46" s="401">
        <v>181.6</v>
      </c>
      <c r="V46" s="401">
        <v>-16.7</v>
      </c>
      <c r="W46" s="401">
        <v>190.2</v>
      </c>
      <c r="X46" s="401">
        <v>-8.1</v>
      </c>
      <c r="Y46" s="401">
        <v>175.1</v>
      </c>
      <c r="Z46" s="401">
        <v>13.4</v>
      </c>
      <c r="AA46" s="401">
        <v>183.3</v>
      </c>
      <c r="AB46" s="401">
        <v>-18.100000000000001</v>
      </c>
      <c r="AC46" s="401">
        <v>227.5</v>
      </c>
      <c r="AD46" s="401">
        <v>8.1999999999999993</v>
      </c>
      <c r="AE46" s="401">
        <v>166.1</v>
      </c>
      <c r="AF46" s="401">
        <v>3</v>
      </c>
      <c r="AG46" s="417">
        <v>175.1</v>
      </c>
      <c r="AH46" s="401">
        <v>8.8000000000000007</v>
      </c>
      <c r="AI46" s="401">
        <v>174.5</v>
      </c>
      <c r="AJ46" s="401">
        <v>10</v>
      </c>
      <c r="AK46" s="420"/>
      <c r="AL46" s="404"/>
    </row>
    <row r="47" spans="1:38" s="375" customFormat="1" ht="13.5" customHeight="1" x14ac:dyDescent="0.15">
      <c r="A47" s="620"/>
      <c r="B47" s="413"/>
      <c r="C47" s="397"/>
      <c r="D47" s="398"/>
      <c r="E47" s="401"/>
      <c r="F47" s="402"/>
      <c r="G47" s="401"/>
      <c r="H47" s="401"/>
      <c r="I47" s="401"/>
      <c r="J47" s="401"/>
      <c r="K47" s="401"/>
      <c r="L47" s="401"/>
      <c r="M47" s="401"/>
      <c r="N47" s="401"/>
      <c r="O47" s="401"/>
      <c r="P47" s="401"/>
      <c r="Q47" s="401"/>
      <c r="R47" s="401"/>
      <c r="S47" s="401"/>
      <c r="T47" s="401"/>
      <c r="U47" s="401"/>
      <c r="V47" s="401"/>
      <c r="W47" s="401"/>
      <c r="X47" s="401"/>
      <c r="Y47" s="401"/>
      <c r="Z47" s="401"/>
      <c r="AA47" s="401"/>
      <c r="AB47" s="401"/>
      <c r="AC47" s="401"/>
      <c r="AD47" s="401"/>
      <c r="AE47" s="401"/>
      <c r="AF47" s="401"/>
      <c r="AG47" s="417"/>
      <c r="AH47" s="417"/>
      <c r="AI47" s="401"/>
      <c r="AJ47" s="401"/>
      <c r="AK47" s="373"/>
    </row>
    <row r="48" spans="1:38" s="375" customFormat="1" ht="13.5" customHeight="1" x14ac:dyDescent="0.15">
      <c r="A48" s="620"/>
      <c r="B48" s="413"/>
      <c r="C48" s="347" t="s">
        <v>206</v>
      </c>
      <c r="D48" s="398" t="s">
        <v>194</v>
      </c>
      <c r="E48" s="399">
        <v>79.599999999999994</v>
      </c>
      <c r="F48" s="400">
        <v>1</v>
      </c>
      <c r="G48" s="399">
        <v>94.6</v>
      </c>
      <c r="H48" s="399">
        <v>26.6</v>
      </c>
      <c r="I48" s="399">
        <v>77.8</v>
      </c>
      <c r="J48" s="399">
        <v>-0.1</v>
      </c>
      <c r="K48" s="399">
        <v>71.5</v>
      </c>
      <c r="L48" s="399">
        <v>2.4</v>
      </c>
      <c r="M48" s="399">
        <v>81.099999999999994</v>
      </c>
      <c r="N48" s="399">
        <v>-0.5</v>
      </c>
      <c r="O48" s="399">
        <v>65.400000000000006</v>
      </c>
      <c r="P48" s="399">
        <v>-6.6</v>
      </c>
      <c r="Q48" s="399">
        <v>82.4</v>
      </c>
      <c r="R48" s="399">
        <v>6.6</v>
      </c>
      <c r="S48" s="399">
        <v>75.400000000000006</v>
      </c>
      <c r="T48" s="399">
        <v>6.8</v>
      </c>
      <c r="U48" s="399">
        <v>73.900000000000006</v>
      </c>
      <c r="V48" s="399">
        <v>-1.6</v>
      </c>
      <c r="W48" s="399">
        <v>68.8</v>
      </c>
      <c r="X48" s="399">
        <v>-1.7</v>
      </c>
      <c r="Y48" s="399">
        <v>129.4</v>
      </c>
      <c r="Z48" s="399">
        <v>4.5999999999999996</v>
      </c>
      <c r="AA48" s="399">
        <v>94.3</v>
      </c>
      <c r="AB48" s="399">
        <v>-4.7</v>
      </c>
      <c r="AC48" s="399">
        <v>69.5</v>
      </c>
      <c r="AD48" s="399">
        <v>0.6</v>
      </c>
      <c r="AE48" s="399">
        <v>83.2</v>
      </c>
      <c r="AF48" s="399">
        <v>-0.5</v>
      </c>
      <c r="AG48" s="399">
        <v>80.099999999999994</v>
      </c>
      <c r="AH48" s="399">
        <v>10.5</v>
      </c>
      <c r="AI48" s="399">
        <v>87.6</v>
      </c>
      <c r="AJ48" s="399">
        <v>0</v>
      </c>
      <c r="AK48" s="373"/>
    </row>
    <row r="49" spans="1:36" ht="11.25" customHeight="1" thickBot="1" x14ac:dyDescent="0.2">
      <c r="A49" s="620"/>
      <c r="B49" s="421"/>
      <c r="C49" s="422"/>
      <c r="D49" s="423"/>
      <c r="E49" s="374"/>
      <c r="F49" s="424"/>
      <c r="G49" s="374"/>
      <c r="H49" s="374"/>
      <c r="I49" s="374"/>
      <c r="J49" s="374"/>
      <c r="K49" s="374"/>
      <c r="L49" s="374"/>
      <c r="M49" s="374"/>
      <c r="N49" s="374"/>
      <c r="O49" s="374"/>
      <c r="P49" s="374"/>
      <c r="Q49" s="374"/>
      <c r="R49" s="374"/>
      <c r="S49" s="374"/>
      <c r="T49" s="374"/>
      <c r="U49" s="374"/>
      <c r="V49" s="374"/>
      <c r="W49" s="374"/>
      <c r="X49" s="374"/>
      <c r="Y49" s="374"/>
      <c r="Z49" s="374"/>
      <c r="AA49" s="374"/>
      <c r="AB49" s="374"/>
      <c r="AC49" s="374"/>
      <c r="AD49" s="374"/>
      <c r="AE49" s="374"/>
      <c r="AF49" s="374"/>
      <c r="AG49" s="374"/>
      <c r="AH49" s="374"/>
      <c r="AI49" s="374"/>
      <c r="AJ49" s="374"/>
    </row>
    <row r="50" spans="1:36" ht="14.1" customHeight="1" x14ac:dyDescent="0.15">
      <c r="A50" s="620"/>
      <c r="C50" s="649" t="s">
        <v>209</v>
      </c>
      <c r="D50" s="649"/>
      <c r="E50" s="649"/>
      <c r="F50" s="649"/>
      <c r="G50" s="649"/>
      <c r="H50" s="649"/>
      <c r="I50" s="649"/>
      <c r="J50" s="649"/>
      <c r="K50" s="649"/>
      <c r="L50" s="649"/>
      <c r="M50" s="649"/>
      <c r="N50" s="649"/>
      <c r="O50" s="649"/>
      <c r="P50" s="649"/>
      <c r="Q50" s="649"/>
      <c r="R50" s="649"/>
      <c r="S50" s="649"/>
      <c r="T50" s="649"/>
      <c r="U50" s="649"/>
      <c r="V50" s="649"/>
      <c r="W50" s="649"/>
      <c r="X50" s="649"/>
      <c r="Y50" s="649"/>
      <c r="Z50" s="649"/>
      <c r="AA50" s="649"/>
      <c r="AB50" s="649"/>
      <c r="AC50" s="649"/>
      <c r="AD50" s="649"/>
      <c r="AE50" s="649"/>
      <c r="AF50" s="649"/>
      <c r="AG50" s="649"/>
      <c r="AH50" s="649"/>
      <c r="AI50" s="649"/>
      <c r="AJ50" s="649"/>
    </row>
    <row r="52" spans="1:36" x14ac:dyDescent="0.15">
      <c r="B52" s="643"/>
      <c r="C52" s="643"/>
      <c r="D52" s="643"/>
      <c r="E52" s="643"/>
      <c r="F52" s="643"/>
      <c r="G52" s="643"/>
      <c r="H52" s="643"/>
      <c r="I52" s="643"/>
      <c r="J52" s="643"/>
      <c r="K52" s="643"/>
    </row>
  </sheetData>
  <protectedRanges>
    <protectedRange sqref="AI26:AJ26" name="範囲1_1_1"/>
    <protectedRange sqref="U26:AB26" name="範囲1_1_2"/>
    <protectedRange sqref="U47:AB47" name="範囲1_1_3"/>
    <protectedRange sqref="AI47:AJ47" name="範囲1_1_4"/>
    <protectedRange sqref="U30:AB30 AI30:AJ30" name="範囲1_1_3_1_1_1"/>
  </protectedRanges>
  <mergeCells count="55">
    <mergeCell ref="B52:K52"/>
    <mergeCell ref="AG6:AH6"/>
    <mergeCell ref="AI6:AJ6"/>
    <mergeCell ref="B8:B28"/>
    <mergeCell ref="B35:B39"/>
    <mergeCell ref="B41:B43"/>
    <mergeCell ref="C50:AJ50"/>
    <mergeCell ref="U6:V6"/>
    <mergeCell ref="W6:X6"/>
    <mergeCell ref="Y6:Z6"/>
    <mergeCell ref="AA6:AB6"/>
    <mergeCell ref="AC6:AD6"/>
    <mergeCell ref="AE6:AF6"/>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AA4:AB4"/>
    <mergeCell ref="AC4:AD4"/>
    <mergeCell ref="AE4:AF4"/>
    <mergeCell ref="AG4:AH4"/>
    <mergeCell ref="AI4:AJ4"/>
    <mergeCell ref="K5:L5"/>
    <mergeCell ref="M5:N5"/>
    <mergeCell ref="O5:P5"/>
    <mergeCell ref="Q5:R5"/>
    <mergeCell ref="S5:T5"/>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s>
  <phoneticPr fontId="3"/>
  <printOptions horizontalCentered="1"/>
  <pageMargins left="0.59055118110236227" right="0.59055118110236227" top="0.39370078740157483" bottom="0.59055118110236227" header="0" footer="0.19685039370078741"/>
  <pageSetup paperSize="9" scale="72" orientation="landscape" errors="blank" r:id="rId1"/>
  <headerFooter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E69FC90-4C6C-4338-885F-2A0AF6922489}">
  <sheetPr codeName="Sheet18">
    <tabColor indexed="52"/>
    <pageSetUpPr fitToPage="1"/>
  </sheetPr>
  <dimension ref="A1:AK50"/>
  <sheetViews>
    <sheetView view="pageBreakPreview" topLeftCell="A19" zoomScaleNormal="100" zoomScaleSheetLayoutView="100" workbookViewId="0">
      <selection sqref="A1:A50"/>
    </sheetView>
  </sheetViews>
  <sheetFormatPr defaultRowHeight="13.5" x14ac:dyDescent="0.15"/>
  <cols>
    <col min="1" max="1" width="4.375" style="1" customWidth="1"/>
    <col min="2" max="2" width="2.5" style="1" customWidth="1"/>
    <col min="3" max="3" width="6.625" style="28" customWidth="1"/>
    <col min="4" max="4" width="3.875" style="28" customWidth="1"/>
    <col min="5" max="33" width="4.875" style="28" customWidth="1"/>
    <col min="34" max="34" width="5.125" style="28" customWidth="1"/>
    <col min="35" max="36" width="4.875" style="28" customWidth="1"/>
    <col min="37" max="37" width="9" style="28"/>
    <col min="38" max="16384" width="9" style="3"/>
  </cols>
  <sheetData>
    <row r="1" spans="1:37" ht="18.75" customHeight="1" x14ac:dyDescent="0.15">
      <c r="A1" s="553" t="s">
        <v>211</v>
      </c>
      <c r="B1" s="321" t="s">
        <v>212</v>
      </c>
      <c r="D1" s="322"/>
      <c r="E1" s="322"/>
      <c r="F1" s="322"/>
      <c r="G1" s="322"/>
      <c r="H1" s="322"/>
      <c r="I1" s="322"/>
      <c r="J1" s="322"/>
      <c r="K1" s="322"/>
      <c r="L1" s="322"/>
      <c r="M1" s="322"/>
      <c r="N1" s="322"/>
      <c r="O1" s="322"/>
      <c r="P1" s="322"/>
      <c r="Q1" s="322"/>
      <c r="R1" s="322"/>
      <c r="S1" s="322"/>
      <c r="T1" s="322"/>
      <c r="U1" s="322"/>
      <c r="V1" s="322"/>
      <c r="W1" s="322"/>
      <c r="X1" s="322"/>
      <c r="Y1" s="322"/>
      <c r="Z1" s="322"/>
      <c r="AA1" s="322"/>
      <c r="AB1" s="322"/>
      <c r="AC1" s="322"/>
      <c r="AD1" s="322"/>
      <c r="AE1" s="322"/>
      <c r="AF1" s="555" t="s">
        <v>165</v>
      </c>
      <c r="AG1" s="555"/>
      <c r="AH1" s="555"/>
      <c r="AI1" s="555"/>
      <c r="AJ1" s="555"/>
    </row>
    <row r="2" spans="1:37" s="326" customFormat="1" ht="3.75" customHeight="1" thickBot="1" x14ac:dyDescent="0.2">
      <c r="A2" s="553"/>
      <c r="B2" s="426"/>
      <c r="C2" s="324"/>
      <c r="D2" s="324"/>
      <c r="E2" s="324"/>
      <c r="F2" s="324"/>
      <c r="G2" s="324"/>
      <c r="H2" s="587"/>
      <c r="I2" s="587"/>
      <c r="J2" s="587"/>
      <c r="K2" s="587"/>
      <c r="L2" s="587"/>
      <c r="M2" s="324"/>
      <c r="N2" s="324"/>
      <c r="O2" s="324"/>
      <c r="P2" s="587"/>
      <c r="Q2" s="587"/>
      <c r="R2" s="587"/>
      <c r="S2" s="587"/>
      <c r="T2" s="587"/>
      <c r="U2" s="324"/>
      <c r="V2" s="324"/>
      <c r="W2" s="324"/>
      <c r="X2" s="324"/>
      <c r="Y2" s="324"/>
      <c r="Z2" s="324"/>
      <c r="AA2" s="324"/>
      <c r="AB2" s="159"/>
      <c r="AC2" s="159"/>
      <c r="AD2" s="159"/>
      <c r="AE2" s="159"/>
      <c r="AF2" s="325"/>
      <c r="AG2" s="325"/>
      <c r="AH2" s="325"/>
      <c r="AI2" s="325"/>
      <c r="AJ2" s="325"/>
      <c r="AK2" s="159"/>
    </row>
    <row r="3" spans="1:37" s="326" customFormat="1" ht="6" customHeight="1" x14ac:dyDescent="0.15">
      <c r="A3" s="553"/>
      <c r="B3" s="427"/>
      <c r="C3" s="591"/>
      <c r="D3" s="592"/>
      <c r="E3" s="328"/>
      <c r="F3" s="329"/>
      <c r="G3" s="330"/>
      <c r="H3" s="331"/>
      <c r="I3" s="328"/>
      <c r="J3" s="331"/>
      <c r="K3" s="328"/>
      <c r="L3" s="331"/>
      <c r="M3" s="328"/>
      <c r="N3" s="331"/>
      <c r="O3" s="328"/>
      <c r="P3" s="331"/>
      <c r="Q3" s="328"/>
      <c r="R3" s="331"/>
      <c r="S3" s="328"/>
      <c r="T3" s="330"/>
      <c r="U3" s="328"/>
      <c r="V3" s="331"/>
      <c r="W3" s="328"/>
      <c r="X3" s="331"/>
      <c r="Y3" s="328"/>
      <c r="Z3" s="331"/>
      <c r="AA3" s="328"/>
      <c r="AB3" s="331"/>
      <c r="AC3" s="328"/>
      <c r="AD3" s="330"/>
      <c r="AE3" s="328"/>
      <c r="AF3" s="331"/>
      <c r="AG3" s="328"/>
      <c r="AH3" s="331"/>
      <c r="AI3" s="328"/>
      <c r="AJ3" s="330"/>
      <c r="AK3" s="159"/>
    </row>
    <row r="4" spans="1:37" s="326" customFormat="1" ht="10.5" customHeight="1" x14ac:dyDescent="0.15">
      <c r="A4" s="553"/>
      <c r="B4" s="426"/>
      <c r="C4" s="593"/>
      <c r="D4" s="594"/>
      <c r="E4" s="589" t="s">
        <v>78</v>
      </c>
      <c r="F4" s="597"/>
      <c r="G4" s="598" t="s">
        <v>79</v>
      </c>
      <c r="H4" s="599"/>
      <c r="I4" s="589" t="s">
        <v>80</v>
      </c>
      <c r="J4" s="599"/>
      <c r="K4" s="589" t="s">
        <v>166</v>
      </c>
      <c r="L4" s="599"/>
      <c r="M4" s="589" t="s">
        <v>82</v>
      </c>
      <c r="N4" s="600"/>
      <c r="O4" s="589" t="s">
        <v>167</v>
      </c>
      <c r="P4" s="600"/>
      <c r="Q4" s="589" t="s">
        <v>168</v>
      </c>
      <c r="R4" s="600"/>
      <c r="S4" s="589" t="s">
        <v>169</v>
      </c>
      <c r="T4" s="600"/>
      <c r="U4" s="589" t="s">
        <v>170</v>
      </c>
      <c r="V4" s="600"/>
      <c r="W4" s="601" t="s">
        <v>171</v>
      </c>
      <c r="X4" s="602"/>
      <c r="Y4" s="589" t="s">
        <v>172</v>
      </c>
      <c r="Z4" s="590"/>
      <c r="AA4" s="601" t="s">
        <v>173</v>
      </c>
      <c r="AB4" s="602"/>
      <c r="AC4" s="589" t="s">
        <v>174</v>
      </c>
      <c r="AD4" s="590"/>
      <c r="AE4" s="589" t="s">
        <v>91</v>
      </c>
      <c r="AF4" s="590"/>
      <c r="AG4" s="589" t="s">
        <v>175</v>
      </c>
      <c r="AH4" s="590"/>
      <c r="AI4" s="589" t="s">
        <v>93</v>
      </c>
      <c r="AJ4" s="605"/>
      <c r="AK4" s="159"/>
    </row>
    <row r="5" spans="1:37" s="326" customFormat="1" ht="10.5" customHeight="1" x14ac:dyDescent="0.15">
      <c r="A5" s="553"/>
      <c r="B5" s="426"/>
      <c r="C5" s="593"/>
      <c r="D5" s="594"/>
      <c r="E5" s="332"/>
      <c r="F5" s="333"/>
      <c r="G5" s="334"/>
      <c r="H5" s="335"/>
      <c r="I5" s="332"/>
      <c r="J5" s="335"/>
      <c r="K5" s="601" t="s">
        <v>176</v>
      </c>
      <c r="L5" s="602"/>
      <c r="M5" s="603"/>
      <c r="N5" s="600"/>
      <c r="O5" s="604" t="s">
        <v>177</v>
      </c>
      <c r="P5" s="600"/>
      <c r="Q5" s="589" t="s">
        <v>178</v>
      </c>
      <c r="R5" s="600"/>
      <c r="S5" s="589" t="s">
        <v>179</v>
      </c>
      <c r="T5" s="600"/>
      <c r="U5" s="589" t="s">
        <v>180</v>
      </c>
      <c r="V5" s="600"/>
      <c r="W5" s="601" t="s">
        <v>181</v>
      </c>
      <c r="X5" s="602"/>
      <c r="Y5" s="601" t="s">
        <v>182</v>
      </c>
      <c r="Z5" s="602"/>
      <c r="AA5" s="589" t="s">
        <v>183</v>
      </c>
      <c r="AB5" s="600"/>
      <c r="AC5" s="589" t="s">
        <v>184</v>
      </c>
      <c r="AD5" s="590"/>
      <c r="AE5" s="589"/>
      <c r="AF5" s="600"/>
      <c r="AG5" s="589" t="s">
        <v>185</v>
      </c>
      <c r="AH5" s="600"/>
      <c r="AI5" s="589"/>
      <c r="AJ5" s="606"/>
      <c r="AK5" s="159"/>
    </row>
    <row r="6" spans="1:37" s="337" customFormat="1" ht="15" customHeight="1" x14ac:dyDescent="0.15">
      <c r="A6" s="553"/>
      <c r="B6" s="428"/>
      <c r="C6" s="593"/>
      <c r="D6" s="594"/>
      <c r="E6" s="607" t="s">
        <v>186</v>
      </c>
      <c r="F6" s="608"/>
      <c r="G6" s="609" t="s">
        <v>186</v>
      </c>
      <c r="H6" s="610"/>
      <c r="I6" s="607" t="s">
        <v>186</v>
      </c>
      <c r="J6" s="610"/>
      <c r="K6" s="607" t="s">
        <v>186</v>
      </c>
      <c r="L6" s="610"/>
      <c r="M6" s="607" t="s">
        <v>186</v>
      </c>
      <c r="N6" s="610"/>
      <c r="O6" s="607" t="s">
        <v>186</v>
      </c>
      <c r="P6" s="610"/>
      <c r="Q6" s="607" t="s">
        <v>186</v>
      </c>
      <c r="R6" s="610"/>
      <c r="S6" s="607" t="s">
        <v>186</v>
      </c>
      <c r="T6" s="610"/>
      <c r="U6" s="607" t="s">
        <v>186</v>
      </c>
      <c r="V6" s="610"/>
      <c r="W6" s="607" t="s">
        <v>186</v>
      </c>
      <c r="X6" s="610"/>
      <c r="Y6" s="607" t="s">
        <v>186</v>
      </c>
      <c r="Z6" s="610"/>
      <c r="AA6" s="607" t="s">
        <v>186</v>
      </c>
      <c r="AB6" s="610"/>
      <c r="AC6" s="607" t="s">
        <v>186</v>
      </c>
      <c r="AD6" s="610"/>
      <c r="AE6" s="607" t="s">
        <v>186</v>
      </c>
      <c r="AF6" s="610"/>
      <c r="AG6" s="607" t="s">
        <v>186</v>
      </c>
      <c r="AH6" s="610"/>
      <c r="AI6" s="607" t="s">
        <v>186</v>
      </c>
      <c r="AJ6" s="609"/>
      <c r="AK6" s="324"/>
    </row>
    <row r="7" spans="1:37" s="326" customFormat="1" ht="7.5" customHeight="1" x14ac:dyDescent="0.15">
      <c r="A7" s="553"/>
      <c r="B7" s="429"/>
      <c r="C7" s="595"/>
      <c r="D7" s="596"/>
      <c r="E7" s="339"/>
      <c r="F7" s="340" t="s">
        <v>142</v>
      </c>
      <c r="G7" s="341"/>
      <c r="H7" s="342" t="s">
        <v>142</v>
      </c>
      <c r="I7" s="339"/>
      <c r="J7" s="342" t="s">
        <v>142</v>
      </c>
      <c r="K7" s="339"/>
      <c r="L7" s="342" t="s">
        <v>142</v>
      </c>
      <c r="M7" s="339"/>
      <c r="N7" s="342" t="s">
        <v>142</v>
      </c>
      <c r="O7" s="339"/>
      <c r="P7" s="342" t="s">
        <v>142</v>
      </c>
      <c r="Q7" s="339"/>
      <c r="R7" s="342" t="s">
        <v>142</v>
      </c>
      <c r="S7" s="339"/>
      <c r="T7" s="342" t="s">
        <v>142</v>
      </c>
      <c r="U7" s="339"/>
      <c r="V7" s="342" t="s">
        <v>142</v>
      </c>
      <c r="W7" s="339"/>
      <c r="X7" s="342" t="s">
        <v>142</v>
      </c>
      <c r="Y7" s="339"/>
      <c r="Z7" s="342" t="s">
        <v>142</v>
      </c>
      <c r="AA7" s="339"/>
      <c r="AB7" s="342" t="s">
        <v>142</v>
      </c>
      <c r="AC7" s="339"/>
      <c r="AD7" s="342" t="s">
        <v>142</v>
      </c>
      <c r="AE7" s="339"/>
      <c r="AF7" s="342" t="s">
        <v>142</v>
      </c>
      <c r="AG7" s="339"/>
      <c r="AH7" s="342" t="s">
        <v>142</v>
      </c>
      <c r="AI7" s="339"/>
      <c r="AJ7" s="259" t="s">
        <v>142</v>
      </c>
      <c r="AK7" s="159"/>
    </row>
    <row r="8" spans="1:37" s="326" customFormat="1" ht="11.25" customHeight="1" x14ac:dyDescent="0.15">
      <c r="A8" s="553"/>
      <c r="B8" s="614" t="s">
        <v>187</v>
      </c>
      <c r="C8" s="343"/>
      <c r="D8" s="430"/>
      <c r="E8" s="431"/>
      <c r="F8" s="432"/>
      <c r="G8" s="431"/>
      <c r="H8" s="431"/>
      <c r="I8" s="431"/>
      <c r="J8" s="431"/>
      <c r="K8" s="431"/>
      <c r="L8" s="431"/>
      <c r="M8" s="431"/>
      <c r="N8" s="431"/>
      <c r="O8" s="431"/>
      <c r="P8" s="431"/>
      <c r="Q8" s="431"/>
      <c r="R8" s="431"/>
      <c r="S8" s="431"/>
      <c r="T8" s="431"/>
      <c r="U8" s="431"/>
      <c r="V8" s="431"/>
      <c r="W8" s="431"/>
      <c r="X8" s="431"/>
      <c r="Y8" s="431"/>
      <c r="Z8" s="431"/>
      <c r="AA8" s="431"/>
      <c r="AB8" s="431"/>
      <c r="AC8" s="431"/>
      <c r="AD8" s="431"/>
      <c r="AE8" s="431"/>
      <c r="AF8" s="431"/>
      <c r="AG8" s="431"/>
      <c r="AH8" s="431"/>
      <c r="AI8" s="431"/>
      <c r="AJ8" s="431"/>
      <c r="AK8" s="159"/>
    </row>
    <row r="9" spans="1:37" s="326" customFormat="1" ht="14.25" customHeight="1" x14ac:dyDescent="0.15">
      <c r="A9" s="553"/>
      <c r="B9" s="650"/>
      <c r="C9" s="347" t="s">
        <v>188</v>
      </c>
      <c r="D9" s="348" t="s">
        <v>189</v>
      </c>
      <c r="E9" s="349">
        <v>99.1</v>
      </c>
      <c r="F9" s="350">
        <v>-0.7</v>
      </c>
      <c r="G9" s="349">
        <v>110.9</v>
      </c>
      <c r="H9" s="349">
        <v>5.5</v>
      </c>
      <c r="I9" s="349">
        <v>100.3</v>
      </c>
      <c r="J9" s="349">
        <v>-1</v>
      </c>
      <c r="K9" s="349">
        <v>104.3</v>
      </c>
      <c r="L9" s="349">
        <v>3.6</v>
      </c>
      <c r="M9" s="349">
        <v>107.8</v>
      </c>
      <c r="N9" s="349">
        <v>5.0999999999999996</v>
      </c>
      <c r="O9" s="349">
        <v>91.9</v>
      </c>
      <c r="P9" s="349">
        <v>-2.4</v>
      </c>
      <c r="Q9" s="349">
        <v>95.2</v>
      </c>
      <c r="R9" s="349">
        <v>0.1</v>
      </c>
      <c r="S9" s="349">
        <v>98.3</v>
      </c>
      <c r="T9" s="349">
        <v>0.6</v>
      </c>
      <c r="U9" s="349">
        <v>107.4</v>
      </c>
      <c r="V9" s="349">
        <v>1.6</v>
      </c>
      <c r="W9" s="349">
        <v>104.6</v>
      </c>
      <c r="X9" s="349">
        <v>4.4000000000000004</v>
      </c>
      <c r="Y9" s="349">
        <v>123.1</v>
      </c>
      <c r="Z9" s="349">
        <v>13.7</v>
      </c>
      <c r="AA9" s="349">
        <v>98.9</v>
      </c>
      <c r="AB9" s="349">
        <v>-3.7</v>
      </c>
      <c r="AC9" s="349">
        <v>89</v>
      </c>
      <c r="AD9" s="349">
        <v>-14.9</v>
      </c>
      <c r="AE9" s="349">
        <v>101.3</v>
      </c>
      <c r="AF9" s="349">
        <v>6.1</v>
      </c>
      <c r="AG9" s="349">
        <v>96.6</v>
      </c>
      <c r="AH9" s="349">
        <v>-3.2</v>
      </c>
      <c r="AI9" s="349">
        <v>99</v>
      </c>
      <c r="AJ9" s="349">
        <v>-3.8</v>
      </c>
      <c r="AK9" s="159"/>
    </row>
    <row r="10" spans="1:37" s="326" customFormat="1" ht="14.25" customHeight="1" x14ac:dyDescent="0.15">
      <c r="A10" s="553"/>
      <c r="B10" s="650"/>
      <c r="C10" s="347" t="s">
        <v>188</v>
      </c>
      <c r="D10" s="348" t="s">
        <v>190</v>
      </c>
      <c r="E10" s="351">
        <v>102.4</v>
      </c>
      <c r="F10" s="352">
        <v>3.3</v>
      </c>
      <c r="G10" s="351">
        <v>115.6</v>
      </c>
      <c r="H10" s="351">
        <v>4.2</v>
      </c>
      <c r="I10" s="351">
        <v>109.8</v>
      </c>
      <c r="J10" s="351">
        <v>9.5</v>
      </c>
      <c r="K10" s="351">
        <v>105.4</v>
      </c>
      <c r="L10" s="351">
        <v>1.1000000000000001</v>
      </c>
      <c r="M10" s="351">
        <v>110.1</v>
      </c>
      <c r="N10" s="351">
        <v>2.1</v>
      </c>
      <c r="O10" s="351">
        <v>96</v>
      </c>
      <c r="P10" s="351">
        <v>4.5</v>
      </c>
      <c r="Q10" s="351">
        <v>101.8</v>
      </c>
      <c r="R10" s="351">
        <v>6.9</v>
      </c>
      <c r="S10" s="351">
        <v>97.5</v>
      </c>
      <c r="T10" s="351">
        <v>-0.8</v>
      </c>
      <c r="U10" s="351">
        <v>113.9</v>
      </c>
      <c r="V10" s="351">
        <v>6.1</v>
      </c>
      <c r="W10" s="351">
        <v>103.2</v>
      </c>
      <c r="X10" s="351">
        <v>-1.3</v>
      </c>
      <c r="Y10" s="351">
        <v>134.69999999999999</v>
      </c>
      <c r="Z10" s="351">
        <v>9.4</v>
      </c>
      <c r="AA10" s="351">
        <v>102.5</v>
      </c>
      <c r="AB10" s="351">
        <v>3.6</v>
      </c>
      <c r="AC10" s="351">
        <v>89.8</v>
      </c>
      <c r="AD10" s="351">
        <v>0.9</v>
      </c>
      <c r="AE10" s="351">
        <v>102.3</v>
      </c>
      <c r="AF10" s="351">
        <v>1</v>
      </c>
      <c r="AG10" s="351">
        <v>96.9</v>
      </c>
      <c r="AH10" s="351">
        <v>0.3</v>
      </c>
      <c r="AI10" s="351">
        <v>97.2</v>
      </c>
      <c r="AJ10" s="351">
        <v>-1.8</v>
      </c>
      <c r="AK10" s="159"/>
    </row>
    <row r="11" spans="1:37" s="326" customFormat="1" ht="14.25" customHeight="1" x14ac:dyDescent="0.15">
      <c r="A11" s="553"/>
      <c r="B11" s="650"/>
      <c r="C11" s="347" t="s">
        <v>188</v>
      </c>
      <c r="D11" s="348" t="s">
        <v>191</v>
      </c>
      <c r="E11" s="349">
        <v>105.1</v>
      </c>
      <c r="F11" s="350">
        <v>1.3</v>
      </c>
      <c r="G11" s="349">
        <v>125.4</v>
      </c>
      <c r="H11" s="349">
        <v>8.1999999999999993</v>
      </c>
      <c r="I11" s="349">
        <v>110.6</v>
      </c>
      <c r="J11" s="349">
        <v>0.4</v>
      </c>
      <c r="K11" s="349">
        <v>119.5</v>
      </c>
      <c r="L11" s="349">
        <v>13.1</v>
      </c>
      <c r="M11" s="349">
        <v>111</v>
      </c>
      <c r="N11" s="349">
        <v>0.5</v>
      </c>
      <c r="O11" s="349">
        <v>97.3</v>
      </c>
      <c r="P11" s="349">
        <v>1.9</v>
      </c>
      <c r="Q11" s="349">
        <v>93.6</v>
      </c>
      <c r="R11" s="349">
        <v>-7.5</v>
      </c>
      <c r="S11" s="349">
        <v>100.5</v>
      </c>
      <c r="T11" s="349">
        <v>2.9</v>
      </c>
      <c r="U11" s="349">
        <v>105.5</v>
      </c>
      <c r="V11" s="349">
        <v>-5.6</v>
      </c>
      <c r="W11" s="349">
        <v>110.1</v>
      </c>
      <c r="X11" s="349">
        <v>4.0999999999999996</v>
      </c>
      <c r="Y11" s="349">
        <v>115.6</v>
      </c>
      <c r="Z11" s="349">
        <v>-11.9</v>
      </c>
      <c r="AA11" s="349">
        <v>104.6</v>
      </c>
      <c r="AB11" s="349">
        <v>2.8</v>
      </c>
      <c r="AC11" s="349">
        <v>94.6</v>
      </c>
      <c r="AD11" s="349">
        <v>-0.9</v>
      </c>
      <c r="AE11" s="349">
        <v>110.3</v>
      </c>
      <c r="AF11" s="349">
        <v>7.9</v>
      </c>
      <c r="AG11" s="349">
        <v>103.4</v>
      </c>
      <c r="AH11" s="349">
        <v>7.5</v>
      </c>
      <c r="AI11" s="349">
        <v>106.5</v>
      </c>
      <c r="AJ11" s="349">
        <v>9.3000000000000007</v>
      </c>
      <c r="AK11" s="159"/>
    </row>
    <row r="12" spans="1:37" s="326" customFormat="1" ht="14.25" customHeight="1" x14ac:dyDescent="0.15">
      <c r="A12" s="553"/>
      <c r="B12" s="650"/>
      <c r="C12" s="347" t="s">
        <v>188</v>
      </c>
      <c r="D12" s="348" t="s">
        <v>192</v>
      </c>
      <c r="E12" s="351">
        <v>107.1</v>
      </c>
      <c r="F12" s="352">
        <v>1.9</v>
      </c>
      <c r="G12" s="351">
        <v>113.1</v>
      </c>
      <c r="H12" s="351">
        <v>-9.8000000000000007</v>
      </c>
      <c r="I12" s="351">
        <v>113.8</v>
      </c>
      <c r="J12" s="351">
        <v>2.9</v>
      </c>
      <c r="K12" s="351">
        <v>113.8</v>
      </c>
      <c r="L12" s="351">
        <v>-4.8</v>
      </c>
      <c r="M12" s="351">
        <v>116.7</v>
      </c>
      <c r="N12" s="351">
        <v>5.0999999999999996</v>
      </c>
      <c r="O12" s="351">
        <v>99.8</v>
      </c>
      <c r="P12" s="351">
        <v>2.6</v>
      </c>
      <c r="Q12" s="351">
        <v>94.6</v>
      </c>
      <c r="R12" s="351">
        <v>1.1000000000000001</v>
      </c>
      <c r="S12" s="351">
        <v>115.8</v>
      </c>
      <c r="T12" s="351">
        <v>15.2</v>
      </c>
      <c r="U12" s="351">
        <v>111.1</v>
      </c>
      <c r="V12" s="351">
        <v>5.3</v>
      </c>
      <c r="W12" s="351">
        <v>109</v>
      </c>
      <c r="X12" s="351">
        <v>-1</v>
      </c>
      <c r="Y12" s="351">
        <v>119.5</v>
      </c>
      <c r="Z12" s="351">
        <v>3.4</v>
      </c>
      <c r="AA12" s="351">
        <v>115.7</v>
      </c>
      <c r="AB12" s="351">
        <v>10.6</v>
      </c>
      <c r="AC12" s="351">
        <v>107</v>
      </c>
      <c r="AD12" s="351">
        <v>13.1</v>
      </c>
      <c r="AE12" s="351">
        <v>108.4</v>
      </c>
      <c r="AF12" s="351">
        <v>-1.7</v>
      </c>
      <c r="AG12" s="351">
        <v>106.1</v>
      </c>
      <c r="AH12" s="351">
        <v>2.6</v>
      </c>
      <c r="AI12" s="351">
        <v>113.4</v>
      </c>
      <c r="AJ12" s="351">
        <v>6.5</v>
      </c>
      <c r="AK12" s="159"/>
    </row>
    <row r="13" spans="1:37" s="326" customFormat="1" ht="14.25" customHeight="1" x14ac:dyDescent="0.15">
      <c r="A13" s="553"/>
      <c r="B13" s="650"/>
      <c r="C13" s="347"/>
      <c r="D13" s="348"/>
      <c r="E13" s="351"/>
      <c r="F13" s="352"/>
      <c r="G13" s="351"/>
      <c r="H13" s="351"/>
      <c r="I13" s="351"/>
      <c r="J13" s="351"/>
      <c r="K13" s="351"/>
      <c r="L13" s="351"/>
      <c r="M13" s="351"/>
      <c r="N13" s="351"/>
      <c r="O13" s="351"/>
      <c r="P13" s="351"/>
      <c r="Q13" s="351"/>
      <c r="R13" s="351"/>
      <c r="S13" s="351"/>
      <c r="T13" s="351"/>
      <c r="U13" s="351"/>
      <c r="V13" s="351"/>
      <c r="W13" s="351"/>
      <c r="X13" s="351"/>
      <c r="Y13" s="351"/>
      <c r="Z13" s="351"/>
      <c r="AA13" s="351"/>
      <c r="AB13" s="351"/>
      <c r="AC13" s="351"/>
      <c r="AD13" s="351"/>
      <c r="AE13" s="351"/>
      <c r="AF13" s="351"/>
      <c r="AG13" s="351"/>
      <c r="AH13" s="351"/>
      <c r="AI13" s="351"/>
      <c r="AJ13" s="351"/>
      <c r="AK13" s="159"/>
    </row>
    <row r="14" spans="1:37" s="326" customFormat="1" ht="15" customHeight="1" x14ac:dyDescent="0.15">
      <c r="A14" s="553"/>
      <c r="B14" s="650"/>
      <c r="C14" s="347" t="s">
        <v>193</v>
      </c>
      <c r="D14" s="348" t="s">
        <v>194</v>
      </c>
      <c r="E14" s="349">
        <v>104.1</v>
      </c>
      <c r="F14" s="350">
        <v>1.8</v>
      </c>
      <c r="G14" s="349">
        <v>110.7</v>
      </c>
      <c r="H14" s="349">
        <v>-10.8</v>
      </c>
      <c r="I14" s="349">
        <v>110.5</v>
      </c>
      <c r="J14" s="349">
        <v>2.4</v>
      </c>
      <c r="K14" s="349">
        <v>104.6</v>
      </c>
      <c r="L14" s="349">
        <v>-9.3000000000000007</v>
      </c>
      <c r="M14" s="349">
        <v>117.8</v>
      </c>
      <c r="N14" s="349">
        <v>7</v>
      </c>
      <c r="O14" s="349">
        <v>100</v>
      </c>
      <c r="P14" s="349">
        <v>9.4</v>
      </c>
      <c r="Q14" s="349">
        <v>92.5</v>
      </c>
      <c r="R14" s="349">
        <v>0.7</v>
      </c>
      <c r="S14" s="349">
        <v>112.9</v>
      </c>
      <c r="T14" s="349">
        <v>19.100000000000001</v>
      </c>
      <c r="U14" s="349">
        <v>107.5</v>
      </c>
      <c r="V14" s="349">
        <v>6.8</v>
      </c>
      <c r="W14" s="349">
        <v>104.5</v>
      </c>
      <c r="X14" s="349">
        <v>-1.1000000000000001</v>
      </c>
      <c r="Y14" s="349">
        <v>116.1</v>
      </c>
      <c r="Z14" s="349">
        <v>-1.9</v>
      </c>
      <c r="AA14" s="349">
        <v>102.1</v>
      </c>
      <c r="AB14" s="349">
        <v>-2.7</v>
      </c>
      <c r="AC14" s="349">
        <v>103.5</v>
      </c>
      <c r="AD14" s="349">
        <v>10.7</v>
      </c>
      <c r="AE14" s="349">
        <v>104.9</v>
      </c>
      <c r="AF14" s="349">
        <v>-2.6</v>
      </c>
      <c r="AG14" s="349">
        <v>106.2</v>
      </c>
      <c r="AH14" s="349">
        <v>-1.8</v>
      </c>
      <c r="AI14" s="349">
        <v>110.6</v>
      </c>
      <c r="AJ14" s="349">
        <v>9</v>
      </c>
      <c r="AK14" s="159"/>
    </row>
    <row r="15" spans="1:37" s="326" customFormat="1" ht="15" customHeight="1" x14ac:dyDescent="0.15">
      <c r="A15" s="553"/>
      <c r="B15" s="650"/>
      <c r="C15" s="347"/>
      <c r="D15" s="348" t="s">
        <v>195</v>
      </c>
      <c r="E15" s="351">
        <v>103.1</v>
      </c>
      <c r="F15" s="352">
        <v>0.4</v>
      </c>
      <c r="G15" s="351">
        <v>111.8</v>
      </c>
      <c r="H15" s="351">
        <v>-11.6</v>
      </c>
      <c r="I15" s="351">
        <v>111</v>
      </c>
      <c r="J15" s="351">
        <v>3.4</v>
      </c>
      <c r="K15" s="351">
        <v>105.2</v>
      </c>
      <c r="L15" s="351">
        <v>-9.8000000000000007</v>
      </c>
      <c r="M15" s="351">
        <v>114.3</v>
      </c>
      <c r="N15" s="351">
        <v>6.9</v>
      </c>
      <c r="O15" s="351">
        <v>96.9</v>
      </c>
      <c r="P15" s="351">
        <v>6.1</v>
      </c>
      <c r="Q15" s="351">
        <v>88.4</v>
      </c>
      <c r="R15" s="351">
        <v>-3.1</v>
      </c>
      <c r="S15" s="351">
        <v>110.5</v>
      </c>
      <c r="T15" s="351">
        <v>17.899999999999999</v>
      </c>
      <c r="U15" s="351">
        <v>106.6</v>
      </c>
      <c r="V15" s="351">
        <v>6.1</v>
      </c>
      <c r="W15" s="351">
        <v>105.8</v>
      </c>
      <c r="X15" s="351">
        <v>-1.9</v>
      </c>
      <c r="Y15" s="351">
        <v>113</v>
      </c>
      <c r="Z15" s="351">
        <v>-12.3</v>
      </c>
      <c r="AA15" s="351">
        <v>98.2</v>
      </c>
      <c r="AB15" s="351">
        <v>-2.4</v>
      </c>
      <c r="AC15" s="351">
        <v>104.5</v>
      </c>
      <c r="AD15" s="351">
        <v>13.3</v>
      </c>
      <c r="AE15" s="351">
        <v>105.2</v>
      </c>
      <c r="AF15" s="351">
        <v>-1.9</v>
      </c>
      <c r="AG15" s="351">
        <v>105</v>
      </c>
      <c r="AH15" s="351">
        <v>4.0999999999999996</v>
      </c>
      <c r="AI15" s="351">
        <v>108.7</v>
      </c>
      <c r="AJ15" s="351">
        <v>2.8</v>
      </c>
      <c r="AK15" s="159"/>
    </row>
    <row r="16" spans="1:37" s="326" customFormat="1" ht="15" customHeight="1" x14ac:dyDescent="0.15">
      <c r="A16" s="553"/>
      <c r="B16" s="650"/>
      <c r="C16" s="347"/>
      <c r="D16" s="348" t="s">
        <v>196</v>
      </c>
      <c r="E16" s="349">
        <v>105</v>
      </c>
      <c r="F16" s="350">
        <v>1.5</v>
      </c>
      <c r="G16" s="349">
        <v>113.3</v>
      </c>
      <c r="H16" s="349">
        <v>-9.3000000000000007</v>
      </c>
      <c r="I16" s="349">
        <v>111.2</v>
      </c>
      <c r="J16" s="349">
        <v>1.9</v>
      </c>
      <c r="K16" s="349">
        <v>115.4</v>
      </c>
      <c r="L16" s="349">
        <v>-3.4</v>
      </c>
      <c r="M16" s="349">
        <v>115.5</v>
      </c>
      <c r="N16" s="349">
        <v>6.3</v>
      </c>
      <c r="O16" s="349">
        <v>98.7</v>
      </c>
      <c r="P16" s="349">
        <v>2.7</v>
      </c>
      <c r="Q16" s="349">
        <v>91.1</v>
      </c>
      <c r="R16" s="349">
        <v>-1.4</v>
      </c>
      <c r="S16" s="349">
        <v>113.2</v>
      </c>
      <c r="T16" s="349">
        <v>21.6</v>
      </c>
      <c r="U16" s="349">
        <v>107</v>
      </c>
      <c r="V16" s="349">
        <v>2.7</v>
      </c>
      <c r="W16" s="349">
        <v>107.1</v>
      </c>
      <c r="X16" s="349">
        <v>-1.3</v>
      </c>
      <c r="Y16" s="349">
        <v>119.6</v>
      </c>
      <c r="Z16" s="349">
        <v>4.0999999999999996</v>
      </c>
      <c r="AA16" s="349">
        <v>104.4</v>
      </c>
      <c r="AB16" s="349">
        <v>3.4</v>
      </c>
      <c r="AC16" s="349">
        <v>105.8</v>
      </c>
      <c r="AD16" s="349">
        <v>18.3</v>
      </c>
      <c r="AE16" s="349">
        <v>107</v>
      </c>
      <c r="AF16" s="349">
        <v>-2.5</v>
      </c>
      <c r="AG16" s="349">
        <v>103.8</v>
      </c>
      <c r="AH16" s="349">
        <v>5.8</v>
      </c>
      <c r="AI16" s="349">
        <v>111.9</v>
      </c>
      <c r="AJ16" s="349">
        <v>5.8</v>
      </c>
      <c r="AK16" s="159"/>
    </row>
    <row r="17" spans="1:37" s="326" customFormat="1" ht="15" customHeight="1" x14ac:dyDescent="0.15">
      <c r="A17" s="553"/>
      <c r="B17" s="650"/>
      <c r="C17" s="347"/>
      <c r="D17" s="348" t="s">
        <v>197</v>
      </c>
      <c r="E17" s="351">
        <v>107</v>
      </c>
      <c r="F17" s="352">
        <v>0.9</v>
      </c>
      <c r="G17" s="351">
        <v>115.1</v>
      </c>
      <c r="H17" s="351">
        <v>-10.3</v>
      </c>
      <c r="I17" s="351">
        <v>113.9</v>
      </c>
      <c r="J17" s="351">
        <v>3.5</v>
      </c>
      <c r="K17" s="351">
        <v>101.9</v>
      </c>
      <c r="L17" s="351">
        <v>-15.4</v>
      </c>
      <c r="M17" s="351">
        <v>117.7</v>
      </c>
      <c r="N17" s="351">
        <v>4.9000000000000004</v>
      </c>
      <c r="O17" s="351">
        <v>100.3</v>
      </c>
      <c r="P17" s="351">
        <v>3.3</v>
      </c>
      <c r="Q17" s="351">
        <v>91.8</v>
      </c>
      <c r="R17" s="351">
        <v>-2.8</v>
      </c>
      <c r="S17" s="351">
        <v>113.9</v>
      </c>
      <c r="T17" s="351">
        <v>13.8</v>
      </c>
      <c r="U17" s="351">
        <v>113.9</v>
      </c>
      <c r="V17" s="351">
        <v>4.3</v>
      </c>
      <c r="W17" s="351">
        <v>108.9</v>
      </c>
      <c r="X17" s="351">
        <v>-0.7</v>
      </c>
      <c r="Y17" s="351">
        <v>119.5</v>
      </c>
      <c r="Z17" s="351">
        <v>-7.8</v>
      </c>
      <c r="AA17" s="351">
        <v>104.9</v>
      </c>
      <c r="AB17" s="351">
        <v>-0.9</v>
      </c>
      <c r="AC17" s="351">
        <v>109</v>
      </c>
      <c r="AD17" s="351">
        <v>16.7</v>
      </c>
      <c r="AE17" s="351">
        <v>110.6</v>
      </c>
      <c r="AF17" s="351">
        <v>-1</v>
      </c>
      <c r="AG17" s="351">
        <v>105.6</v>
      </c>
      <c r="AH17" s="351">
        <v>3.1</v>
      </c>
      <c r="AI17" s="351">
        <v>112.2</v>
      </c>
      <c r="AJ17" s="351">
        <v>6.3</v>
      </c>
      <c r="AK17" s="159"/>
    </row>
    <row r="18" spans="1:37" s="326" customFormat="1" ht="15" customHeight="1" x14ac:dyDescent="0.15">
      <c r="A18" s="553"/>
      <c r="B18" s="650"/>
      <c r="C18" s="347"/>
      <c r="D18" s="348" t="s">
        <v>198</v>
      </c>
      <c r="E18" s="349">
        <v>106.5</v>
      </c>
      <c r="F18" s="350">
        <v>1.4</v>
      </c>
      <c r="G18" s="349">
        <v>113.7</v>
      </c>
      <c r="H18" s="349">
        <v>-10.3</v>
      </c>
      <c r="I18" s="349">
        <v>112.4</v>
      </c>
      <c r="J18" s="349">
        <v>2.7</v>
      </c>
      <c r="K18" s="349">
        <v>108.6</v>
      </c>
      <c r="L18" s="349">
        <v>-9.4</v>
      </c>
      <c r="M18" s="349">
        <v>115</v>
      </c>
      <c r="N18" s="349">
        <v>1.2</v>
      </c>
      <c r="O18" s="349">
        <v>100</v>
      </c>
      <c r="P18" s="349">
        <v>3</v>
      </c>
      <c r="Q18" s="349">
        <v>93.9</v>
      </c>
      <c r="R18" s="349">
        <v>1.2</v>
      </c>
      <c r="S18" s="349">
        <v>118.8</v>
      </c>
      <c r="T18" s="349">
        <v>19.3</v>
      </c>
      <c r="U18" s="349">
        <v>109.4</v>
      </c>
      <c r="V18" s="349">
        <v>5.0999999999999996</v>
      </c>
      <c r="W18" s="349">
        <v>106.8</v>
      </c>
      <c r="X18" s="349">
        <v>-1.7</v>
      </c>
      <c r="Y18" s="349">
        <v>121.2</v>
      </c>
      <c r="Z18" s="349">
        <v>7.6</v>
      </c>
      <c r="AA18" s="349">
        <v>108.8</v>
      </c>
      <c r="AB18" s="349">
        <v>6</v>
      </c>
      <c r="AC18" s="349">
        <v>105.1</v>
      </c>
      <c r="AD18" s="349">
        <v>9.5</v>
      </c>
      <c r="AE18" s="349">
        <v>109.1</v>
      </c>
      <c r="AF18" s="349">
        <v>-1.5</v>
      </c>
      <c r="AG18" s="349">
        <v>107.2</v>
      </c>
      <c r="AH18" s="349">
        <v>3</v>
      </c>
      <c r="AI18" s="349">
        <v>111.9</v>
      </c>
      <c r="AJ18" s="349">
        <v>5.8</v>
      </c>
      <c r="AK18" s="159"/>
    </row>
    <row r="19" spans="1:37" s="326" customFormat="1" ht="15" customHeight="1" x14ac:dyDescent="0.15">
      <c r="A19" s="553"/>
      <c r="B19" s="650"/>
      <c r="C19" s="347"/>
      <c r="D19" s="348" t="s">
        <v>199</v>
      </c>
      <c r="E19" s="351">
        <v>107.8</v>
      </c>
      <c r="F19" s="352">
        <v>1.5</v>
      </c>
      <c r="G19" s="351">
        <v>114.7</v>
      </c>
      <c r="H19" s="351">
        <v>-10.3</v>
      </c>
      <c r="I19" s="351">
        <v>114.8</v>
      </c>
      <c r="J19" s="351">
        <v>3.5</v>
      </c>
      <c r="K19" s="351">
        <v>121.7</v>
      </c>
      <c r="L19" s="351">
        <v>1</v>
      </c>
      <c r="M19" s="351">
        <v>117.7</v>
      </c>
      <c r="N19" s="351">
        <v>5.6</v>
      </c>
      <c r="O19" s="351">
        <v>102.2</v>
      </c>
      <c r="P19" s="351">
        <v>3.3</v>
      </c>
      <c r="Q19" s="351">
        <v>95.8</v>
      </c>
      <c r="R19" s="351">
        <v>2.2000000000000002</v>
      </c>
      <c r="S19" s="351">
        <v>115</v>
      </c>
      <c r="T19" s="351">
        <v>14.9</v>
      </c>
      <c r="U19" s="351">
        <v>111.8</v>
      </c>
      <c r="V19" s="351">
        <v>9.6999999999999993</v>
      </c>
      <c r="W19" s="351">
        <v>108.5</v>
      </c>
      <c r="X19" s="351">
        <v>-0.9</v>
      </c>
      <c r="Y19" s="351">
        <v>115.6</v>
      </c>
      <c r="Z19" s="351">
        <v>0.7</v>
      </c>
      <c r="AA19" s="351">
        <v>118.5</v>
      </c>
      <c r="AB19" s="351">
        <v>15.5</v>
      </c>
      <c r="AC19" s="351">
        <v>105.1</v>
      </c>
      <c r="AD19" s="351">
        <v>9.9</v>
      </c>
      <c r="AE19" s="351">
        <v>109.9</v>
      </c>
      <c r="AF19" s="351">
        <v>-4.5999999999999996</v>
      </c>
      <c r="AG19" s="351">
        <v>106.4</v>
      </c>
      <c r="AH19" s="351">
        <v>1.9</v>
      </c>
      <c r="AI19" s="351">
        <v>111.9</v>
      </c>
      <c r="AJ19" s="351">
        <v>4.7</v>
      </c>
      <c r="AK19" s="159"/>
    </row>
    <row r="20" spans="1:37" s="326" customFormat="1" ht="15" customHeight="1" x14ac:dyDescent="0.15">
      <c r="A20" s="553"/>
      <c r="B20" s="650"/>
      <c r="C20" s="347"/>
      <c r="D20" s="348" t="s">
        <v>200</v>
      </c>
      <c r="E20" s="349">
        <v>108.2</v>
      </c>
      <c r="F20" s="350">
        <v>2.6</v>
      </c>
      <c r="G20" s="349">
        <v>112.5</v>
      </c>
      <c r="H20" s="349">
        <v>-6.5</v>
      </c>
      <c r="I20" s="349">
        <v>115.2</v>
      </c>
      <c r="J20" s="349">
        <v>3</v>
      </c>
      <c r="K20" s="349">
        <v>112.4</v>
      </c>
      <c r="L20" s="349">
        <v>-4.7</v>
      </c>
      <c r="M20" s="349">
        <v>113.9</v>
      </c>
      <c r="N20" s="349">
        <v>3.4</v>
      </c>
      <c r="O20" s="349">
        <v>100</v>
      </c>
      <c r="P20" s="349">
        <v>1.9</v>
      </c>
      <c r="Q20" s="349">
        <v>95.4</v>
      </c>
      <c r="R20" s="349">
        <v>1.1000000000000001</v>
      </c>
      <c r="S20" s="349">
        <v>119</v>
      </c>
      <c r="T20" s="349">
        <v>13.2</v>
      </c>
      <c r="U20" s="349">
        <v>115.3</v>
      </c>
      <c r="V20" s="349">
        <v>9.9</v>
      </c>
      <c r="W20" s="349">
        <v>111.2</v>
      </c>
      <c r="X20" s="349">
        <v>0.1</v>
      </c>
      <c r="Y20" s="349">
        <v>119.8</v>
      </c>
      <c r="Z20" s="349">
        <v>4.7</v>
      </c>
      <c r="AA20" s="349">
        <v>123.8</v>
      </c>
      <c r="AB20" s="349">
        <v>18.8</v>
      </c>
      <c r="AC20" s="349">
        <v>108.1</v>
      </c>
      <c r="AD20" s="349">
        <v>12.3</v>
      </c>
      <c r="AE20" s="349">
        <v>109.2</v>
      </c>
      <c r="AF20" s="349">
        <v>-1.4</v>
      </c>
      <c r="AG20" s="349">
        <v>106.3</v>
      </c>
      <c r="AH20" s="349">
        <v>2.2999999999999998</v>
      </c>
      <c r="AI20" s="349">
        <v>115.2</v>
      </c>
      <c r="AJ20" s="349">
        <v>6.5</v>
      </c>
      <c r="AK20" s="159"/>
    </row>
    <row r="21" spans="1:37" s="326" customFormat="1" ht="15" customHeight="1" x14ac:dyDescent="0.15">
      <c r="A21" s="553"/>
      <c r="B21" s="650"/>
      <c r="C21" s="347"/>
      <c r="D21" s="348" t="s">
        <v>201</v>
      </c>
      <c r="E21" s="351">
        <v>107.3</v>
      </c>
      <c r="F21" s="352">
        <v>1.5</v>
      </c>
      <c r="G21" s="351">
        <v>111.7</v>
      </c>
      <c r="H21" s="351">
        <v>-6.1</v>
      </c>
      <c r="I21" s="351">
        <v>114.3</v>
      </c>
      <c r="J21" s="351">
        <v>2.2999999999999998</v>
      </c>
      <c r="K21" s="351">
        <v>126.1</v>
      </c>
      <c r="L21" s="351">
        <v>4</v>
      </c>
      <c r="M21" s="351">
        <v>118.2</v>
      </c>
      <c r="N21" s="351">
        <v>4.7</v>
      </c>
      <c r="O21" s="351">
        <v>97.2</v>
      </c>
      <c r="P21" s="351">
        <v>-1.9</v>
      </c>
      <c r="Q21" s="351">
        <v>94.4</v>
      </c>
      <c r="R21" s="351">
        <v>-1.5</v>
      </c>
      <c r="S21" s="351">
        <v>113.7</v>
      </c>
      <c r="T21" s="351">
        <v>9.9</v>
      </c>
      <c r="U21" s="351">
        <v>109.2</v>
      </c>
      <c r="V21" s="351">
        <v>2.1</v>
      </c>
      <c r="W21" s="351">
        <v>110.4</v>
      </c>
      <c r="X21" s="351">
        <v>-0.1</v>
      </c>
      <c r="Y21" s="351">
        <v>122.1</v>
      </c>
      <c r="Z21" s="351">
        <v>9.4</v>
      </c>
      <c r="AA21" s="351">
        <v>129.1</v>
      </c>
      <c r="AB21" s="351">
        <v>22.6</v>
      </c>
      <c r="AC21" s="351">
        <v>105.2</v>
      </c>
      <c r="AD21" s="351">
        <v>12.8</v>
      </c>
      <c r="AE21" s="351">
        <v>108.1</v>
      </c>
      <c r="AF21" s="351">
        <v>-3.7</v>
      </c>
      <c r="AG21" s="351">
        <v>106.6</v>
      </c>
      <c r="AH21" s="351">
        <v>3.6</v>
      </c>
      <c r="AI21" s="351">
        <v>114.7</v>
      </c>
      <c r="AJ21" s="351">
        <v>7</v>
      </c>
      <c r="AK21" s="159"/>
    </row>
    <row r="22" spans="1:37" s="326" customFormat="1" ht="15" customHeight="1" x14ac:dyDescent="0.15">
      <c r="A22" s="553"/>
      <c r="B22" s="650"/>
      <c r="C22" s="347"/>
      <c r="D22" s="348" t="s">
        <v>202</v>
      </c>
      <c r="E22" s="349">
        <v>107.6</v>
      </c>
      <c r="F22" s="350">
        <v>1.7</v>
      </c>
      <c r="G22" s="349">
        <v>113.9</v>
      </c>
      <c r="H22" s="349">
        <v>-9.6999999999999993</v>
      </c>
      <c r="I22" s="349">
        <v>114.3</v>
      </c>
      <c r="J22" s="349">
        <v>2.2999999999999998</v>
      </c>
      <c r="K22" s="349">
        <v>109.1</v>
      </c>
      <c r="L22" s="349">
        <v>-10.3</v>
      </c>
      <c r="M22" s="349">
        <v>116.1</v>
      </c>
      <c r="N22" s="349">
        <v>5.2</v>
      </c>
      <c r="O22" s="349">
        <v>100</v>
      </c>
      <c r="P22" s="349">
        <v>1.5</v>
      </c>
      <c r="Q22" s="349">
        <v>95.9</v>
      </c>
      <c r="R22" s="349">
        <v>0.6</v>
      </c>
      <c r="S22" s="349">
        <v>115.9</v>
      </c>
      <c r="T22" s="349">
        <v>13</v>
      </c>
      <c r="U22" s="349">
        <v>106.8</v>
      </c>
      <c r="V22" s="349">
        <v>-5.6</v>
      </c>
      <c r="W22" s="349">
        <v>111.3</v>
      </c>
      <c r="X22" s="349">
        <v>-0.3</v>
      </c>
      <c r="Y22" s="349">
        <v>118.8</v>
      </c>
      <c r="Z22" s="349">
        <v>9.1</v>
      </c>
      <c r="AA22" s="349">
        <v>128.6</v>
      </c>
      <c r="AB22" s="349">
        <v>21.8</v>
      </c>
      <c r="AC22" s="349">
        <v>105.9</v>
      </c>
      <c r="AD22" s="349">
        <v>12.7</v>
      </c>
      <c r="AE22" s="349">
        <v>107.9</v>
      </c>
      <c r="AF22" s="349">
        <v>-1.4</v>
      </c>
      <c r="AG22" s="349">
        <v>104.7</v>
      </c>
      <c r="AH22" s="349">
        <v>-2.1</v>
      </c>
      <c r="AI22" s="349">
        <v>113.5</v>
      </c>
      <c r="AJ22" s="349">
        <v>4.4000000000000004</v>
      </c>
      <c r="AK22" s="159"/>
    </row>
    <row r="23" spans="1:37" s="326" customFormat="1" ht="15" customHeight="1" x14ac:dyDescent="0.15">
      <c r="A23" s="553"/>
      <c r="B23" s="650"/>
      <c r="C23" s="347"/>
      <c r="D23" s="348" t="s">
        <v>203</v>
      </c>
      <c r="E23" s="351">
        <v>110.4</v>
      </c>
      <c r="F23" s="352">
        <v>4.3</v>
      </c>
      <c r="G23" s="351">
        <v>116.2</v>
      </c>
      <c r="H23" s="351">
        <v>-8.1999999999999993</v>
      </c>
      <c r="I23" s="351">
        <v>116.6</v>
      </c>
      <c r="J23" s="351">
        <v>3.6</v>
      </c>
      <c r="K23" s="351">
        <v>129.5</v>
      </c>
      <c r="L23" s="351">
        <v>6.1</v>
      </c>
      <c r="M23" s="351">
        <v>118.3</v>
      </c>
      <c r="N23" s="351">
        <v>6</v>
      </c>
      <c r="O23" s="351">
        <v>102.4</v>
      </c>
      <c r="P23" s="351">
        <v>1.3</v>
      </c>
      <c r="Q23" s="351">
        <v>99</v>
      </c>
      <c r="R23" s="351">
        <v>3.3</v>
      </c>
      <c r="S23" s="351">
        <v>120.1</v>
      </c>
      <c r="T23" s="351">
        <v>13.5</v>
      </c>
      <c r="U23" s="351">
        <v>115</v>
      </c>
      <c r="V23" s="351">
        <v>6.1</v>
      </c>
      <c r="W23" s="351">
        <v>112.4</v>
      </c>
      <c r="X23" s="351">
        <v>0</v>
      </c>
      <c r="Y23" s="351">
        <v>122</v>
      </c>
      <c r="Z23" s="351">
        <v>10.8</v>
      </c>
      <c r="AA23" s="351">
        <v>126.7</v>
      </c>
      <c r="AB23" s="351">
        <v>18.7</v>
      </c>
      <c r="AC23" s="351">
        <v>111.9</v>
      </c>
      <c r="AD23" s="351">
        <v>15</v>
      </c>
      <c r="AE23" s="351">
        <v>110.5</v>
      </c>
      <c r="AF23" s="351">
        <v>5</v>
      </c>
      <c r="AG23" s="351">
        <v>105.8</v>
      </c>
      <c r="AH23" s="351">
        <v>5.2</v>
      </c>
      <c r="AI23" s="351">
        <v>117.2</v>
      </c>
      <c r="AJ23" s="351">
        <v>7.6</v>
      </c>
      <c r="AK23" s="159"/>
    </row>
    <row r="24" spans="1:37" s="326" customFormat="1" ht="15" customHeight="1" x14ac:dyDescent="0.15">
      <c r="A24" s="553"/>
      <c r="B24" s="650"/>
      <c r="C24" s="347"/>
      <c r="D24" s="348" t="s">
        <v>204</v>
      </c>
      <c r="E24" s="349">
        <v>108.6</v>
      </c>
      <c r="F24" s="350">
        <v>2.4</v>
      </c>
      <c r="G24" s="349">
        <v>113.9</v>
      </c>
      <c r="H24" s="349">
        <v>-11</v>
      </c>
      <c r="I24" s="349">
        <v>116.2</v>
      </c>
      <c r="J24" s="349">
        <v>2.9</v>
      </c>
      <c r="K24" s="349">
        <v>108.7</v>
      </c>
      <c r="L24" s="349">
        <v>-9.1999999999999993</v>
      </c>
      <c r="M24" s="349">
        <v>118.4</v>
      </c>
      <c r="N24" s="349">
        <v>6.3</v>
      </c>
      <c r="O24" s="349">
        <v>99.1</v>
      </c>
      <c r="P24" s="349">
        <v>-1.2</v>
      </c>
      <c r="Q24" s="349">
        <v>97.1</v>
      </c>
      <c r="R24" s="349">
        <v>5.2</v>
      </c>
      <c r="S24" s="349">
        <v>121.5</v>
      </c>
      <c r="T24" s="349">
        <v>17.3</v>
      </c>
      <c r="U24" s="349">
        <v>114.1</v>
      </c>
      <c r="V24" s="349">
        <v>9.1999999999999993</v>
      </c>
      <c r="W24" s="349">
        <v>110.2</v>
      </c>
      <c r="X24" s="349">
        <v>-2</v>
      </c>
      <c r="Y24" s="349">
        <v>122.2</v>
      </c>
      <c r="Z24" s="349">
        <v>11.6</v>
      </c>
      <c r="AA24" s="349">
        <v>121.4</v>
      </c>
      <c r="AB24" s="349">
        <v>13.5</v>
      </c>
      <c r="AC24" s="349">
        <v>107.3</v>
      </c>
      <c r="AD24" s="349">
        <v>10.7</v>
      </c>
      <c r="AE24" s="349">
        <v>109.7</v>
      </c>
      <c r="AF24" s="349">
        <v>-2.4</v>
      </c>
      <c r="AG24" s="349">
        <v>106.1</v>
      </c>
      <c r="AH24" s="349">
        <v>1.4</v>
      </c>
      <c r="AI24" s="349">
        <v>116.7</v>
      </c>
      <c r="AJ24" s="349">
        <v>9.8000000000000007</v>
      </c>
      <c r="AK24" s="159"/>
    </row>
    <row r="25" spans="1:37" s="326" customFormat="1" ht="15" customHeight="1" x14ac:dyDescent="0.15">
      <c r="A25" s="553"/>
      <c r="B25" s="650"/>
      <c r="C25" s="347"/>
      <c r="D25" s="348" t="s">
        <v>205</v>
      </c>
      <c r="E25" s="351">
        <v>109.2</v>
      </c>
      <c r="F25" s="352">
        <v>2.8</v>
      </c>
      <c r="G25" s="351">
        <v>110.1</v>
      </c>
      <c r="H25" s="351">
        <v>-12.5</v>
      </c>
      <c r="I25" s="351">
        <v>115.5</v>
      </c>
      <c r="J25" s="351">
        <v>3</v>
      </c>
      <c r="K25" s="351">
        <v>122.6</v>
      </c>
      <c r="L25" s="351">
        <v>3.2</v>
      </c>
      <c r="M25" s="351">
        <v>117.4</v>
      </c>
      <c r="N25" s="351">
        <v>4.9000000000000004</v>
      </c>
      <c r="O25" s="351">
        <v>100.7</v>
      </c>
      <c r="P25" s="351">
        <v>2.1</v>
      </c>
      <c r="Q25" s="351">
        <v>99.7</v>
      </c>
      <c r="R25" s="351">
        <v>7</v>
      </c>
      <c r="S25" s="351">
        <v>114.5</v>
      </c>
      <c r="T25" s="351">
        <v>10.5</v>
      </c>
      <c r="U25" s="351">
        <v>117</v>
      </c>
      <c r="V25" s="351">
        <v>9</v>
      </c>
      <c r="W25" s="351">
        <v>110.8</v>
      </c>
      <c r="X25" s="351">
        <v>-2.5</v>
      </c>
      <c r="Y25" s="351">
        <v>123.7</v>
      </c>
      <c r="Z25" s="351">
        <v>8.6999999999999993</v>
      </c>
      <c r="AA25" s="351">
        <v>121.5</v>
      </c>
      <c r="AB25" s="351">
        <v>12.1</v>
      </c>
      <c r="AC25" s="351">
        <v>112.3</v>
      </c>
      <c r="AD25" s="351">
        <v>15.4</v>
      </c>
      <c r="AE25" s="351">
        <v>109.2</v>
      </c>
      <c r="AF25" s="351">
        <v>-2.2000000000000002</v>
      </c>
      <c r="AG25" s="351">
        <v>109.5</v>
      </c>
      <c r="AH25" s="351">
        <v>5.6</v>
      </c>
      <c r="AI25" s="351">
        <v>116.5</v>
      </c>
      <c r="AJ25" s="351">
        <v>8.1999999999999993</v>
      </c>
      <c r="AK25" s="159"/>
    </row>
    <row r="26" spans="1:37" s="326" customFormat="1" ht="14.25" customHeight="1" x14ac:dyDescent="0.15">
      <c r="A26" s="553"/>
      <c r="B26" s="650"/>
      <c r="C26" s="347"/>
      <c r="D26" s="348"/>
      <c r="E26" s="351"/>
      <c r="F26" s="352"/>
      <c r="G26" s="351"/>
      <c r="H26" s="351"/>
      <c r="I26" s="351"/>
      <c r="J26" s="351"/>
      <c r="K26" s="351"/>
      <c r="L26" s="351"/>
      <c r="M26" s="351"/>
      <c r="N26" s="351"/>
      <c r="O26" s="351"/>
      <c r="P26" s="351"/>
      <c r="Q26" s="351"/>
      <c r="R26" s="351"/>
      <c r="S26" s="351"/>
      <c r="T26" s="351"/>
      <c r="U26" s="351"/>
      <c r="V26" s="351"/>
      <c r="W26" s="351"/>
      <c r="X26" s="351"/>
      <c r="Y26" s="351"/>
      <c r="Z26" s="351"/>
      <c r="AA26" s="351"/>
      <c r="AB26" s="351"/>
      <c r="AC26" s="351"/>
      <c r="AD26" s="351"/>
      <c r="AE26" s="351"/>
      <c r="AF26" s="351"/>
      <c r="AG26" s="351"/>
      <c r="AH26" s="351"/>
      <c r="AI26" s="351"/>
      <c r="AJ26" s="351"/>
      <c r="AK26" s="159"/>
    </row>
    <row r="27" spans="1:37" s="326" customFormat="1" ht="14.25" customHeight="1" x14ac:dyDescent="0.15">
      <c r="A27" s="553"/>
      <c r="B27" s="650"/>
      <c r="C27" s="347" t="s">
        <v>206</v>
      </c>
      <c r="D27" s="348" t="s">
        <v>194</v>
      </c>
      <c r="E27" s="349">
        <v>107.9</v>
      </c>
      <c r="F27" s="350">
        <v>3.7</v>
      </c>
      <c r="G27" s="349">
        <v>117</v>
      </c>
      <c r="H27" s="349">
        <v>5.7</v>
      </c>
      <c r="I27" s="349">
        <v>109.7</v>
      </c>
      <c r="J27" s="349">
        <v>-0.7</v>
      </c>
      <c r="K27" s="349">
        <v>112.6</v>
      </c>
      <c r="L27" s="349">
        <v>7.6</v>
      </c>
      <c r="M27" s="349">
        <v>118.1</v>
      </c>
      <c r="N27" s="349">
        <v>0.3</v>
      </c>
      <c r="O27" s="349">
        <v>97.1</v>
      </c>
      <c r="P27" s="349">
        <v>-2.9</v>
      </c>
      <c r="Q27" s="349">
        <v>102.4</v>
      </c>
      <c r="R27" s="349">
        <v>10.7</v>
      </c>
      <c r="S27" s="349">
        <v>118.7</v>
      </c>
      <c r="T27" s="349">
        <v>5.0999999999999996</v>
      </c>
      <c r="U27" s="349">
        <v>116</v>
      </c>
      <c r="V27" s="349">
        <v>7.9</v>
      </c>
      <c r="W27" s="349">
        <v>107.3</v>
      </c>
      <c r="X27" s="349">
        <v>2.7</v>
      </c>
      <c r="Y27" s="349">
        <v>127.8</v>
      </c>
      <c r="Z27" s="349">
        <v>10.1</v>
      </c>
      <c r="AA27" s="349">
        <v>124.7</v>
      </c>
      <c r="AB27" s="349">
        <v>22.1</v>
      </c>
      <c r="AC27" s="349">
        <v>110.2</v>
      </c>
      <c r="AD27" s="349">
        <v>6.5</v>
      </c>
      <c r="AE27" s="349">
        <v>105.4</v>
      </c>
      <c r="AF27" s="349">
        <v>0.5</v>
      </c>
      <c r="AG27" s="349">
        <v>115.2</v>
      </c>
      <c r="AH27" s="349">
        <v>8.5</v>
      </c>
      <c r="AI27" s="349">
        <v>115</v>
      </c>
      <c r="AJ27" s="349">
        <v>4</v>
      </c>
      <c r="AK27" s="159"/>
    </row>
    <row r="28" spans="1:37" s="326" customFormat="1" ht="11.25" customHeight="1" x14ac:dyDescent="0.15">
      <c r="A28" s="553"/>
      <c r="B28" s="651"/>
      <c r="C28" s="353"/>
      <c r="D28" s="354"/>
      <c r="E28" s="351"/>
      <c r="F28" s="352"/>
      <c r="G28" s="351"/>
      <c r="H28" s="351"/>
      <c r="I28" s="351"/>
      <c r="J28" s="351"/>
      <c r="K28" s="351"/>
      <c r="L28" s="351"/>
      <c r="M28" s="351"/>
      <c r="N28" s="351"/>
      <c r="O28" s="351"/>
      <c r="P28" s="351"/>
      <c r="Q28" s="351"/>
      <c r="R28" s="351"/>
      <c r="S28" s="351"/>
      <c r="T28" s="351"/>
      <c r="U28" s="351"/>
      <c r="V28" s="351"/>
      <c r="W28" s="351"/>
      <c r="X28" s="351"/>
      <c r="Y28" s="351"/>
      <c r="Z28" s="351"/>
      <c r="AA28" s="351"/>
      <c r="AB28" s="351"/>
      <c r="AC28" s="351"/>
      <c r="AD28" s="351"/>
      <c r="AE28" s="351"/>
      <c r="AF28" s="351"/>
      <c r="AG28" s="351"/>
      <c r="AH28" s="351"/>
      <c r="AI28" s="351"/>
      <c r="AJ28" s="351"/>
      <c r="AK28" s="159"/>
    </row>
    <row r="29" spans="1:37" s="326" customFormat="1" ht="11.25" customHeight="1" x14ac:dyDescent="0.15">
      <c r="A29" s="553"/>
      <c r="B29" s="355"/>
      <c r="C29" s="356"/>
      <c r="D29" s="357"/>
      <c r="E29" s="358"/>
      <c r="F29" s="359"/>
      <c r="G29" s="358"/>
      <c r="H29" s="358"/>
      <c r="I29" s="358"/>
      <c r="J29" s="358"/>
      <c r="K29" s="358"/>
      <c r="L29" s="358"/>
      <c r="M29" s="358"/>
      <c r="N29" s="358"/>
      <c r="O29" s="358"/>
      <c r="P29" s="358"/>
      <c r="Q29" s="358"/>
      <c r="R29" s="358"/>
      <c r="S29" s="358"/>
      <c r="T29" s="358"/>
      <c r="U29" s="358"/>
      <c r="V29" s="358"/>
      <c r="W29" s="358"/>
      <c r="X29" s="358"/>
      <c r="Y29" s="358"/>
      <c r="Z29" s="358"/>
      <c r="AA29" s="358"/>
      <c r="AB29" s="358"/>
      <c r="AC29" s="358"/>
      <c r="AD29" s="358"/>
      <c r="AE29" s="358"/>
      <c r="AF29" s="358"/>
      <c r="AG29" s="358"/>
      <c r="AH29" s="358"/>
      <c r="AI29" s="358"/>
      <c r="AJ29" s="358"/>
      <c r="AK29" s="159"/>
    </row>
    <row r="30" spans="1:37" s="326" customFormat="1" ht="14.25" customHeight="1" x14ac:dyDescent="0.15">
      <c r="A30" s="553"/>
      <c r="B30" s="431"/>
      <c r="C30" s="347" t="s">
        <v>188</v>
      </c>
      <c r="D30" s="348" t="s">
        <v>189</v>
      </c>
      <c r="E30" s="349">
        <v>98.2</v>
      </c>
      <c r="F30" s="350">
        <v>-1.5</v>
      </c>
      <c r="G30" s="349">
        <v>105.5</v>
      </c>
      <c r="H30" s="349">
        <v>0.1</v>
      </c>
      <c r="I30" s="349">
        <v>98.1</v>
      </c>
      <c r="J30" s="349">
        <v>-4.5999999999999996</v>
      </c>
      <c r="K30" s="349">
        <v>102.3</v>
      </c>
      <c r="L30" s="349">
        <v>7</v>
      </c>
      <c r="M30" s="349">
        <v>110.2</v>
      </c>
      <c r="N30" s="349">
        <v>3.1</v>
      </c>
      <c r="O30" s="349">
        <v>85.8</v>
      </c>
      <c r="P30" s="349">
        <v>-5.5</v>
      </c>
      <c r="Q30" s="349">
        <v>97.1</v>
      </c>
      <c r="R30" s="349">
        <v>-0.1</v>
      </c>
      <c r="S30" s="349">
        <v>94.9</v>
      </c>
      <c r="T30" s="349">
        <v>-3.7</v>
      </c>
      <c r="U30" s="349">
        <v>117.2</v>
      </c>
      <c r="V30" s="349">
        <v>9.5</v>
      </c>
      <c r="W30" s="349">
        <v>105.4</v>
      </c>
      <c r="X30" s="349">
        <v>1.9</v>
      </c>
      <c r="Y30" s="349">
        <v>130</v>
      </c>
      <c r="Z30" s="349">
        <v>16.8</v>
      </c>
      <c r="AA30" s="349">
        <v>94.5</v>
      </c>
      <c r="AB30" s="349">
        <v>0.1</v>
      </c>
      <c r="AC30" s="349">
        <v>86.7</v>
      </c>
      <c r="AD30" s="349">
        <v>-15.7</v>
      </c>
      <c r="AE30" s="349">
        <v>104</v>
      </c>
      <c r="AF30" s="349">
        <v>10.1</v>
      </c>
      <c r="AG30" s="349">
        <v>95.1</v>
      </c>
      <c r="AH30" s="349">
        <v>-2.6</v>
      </c>
      <c r="AI30" s="349">
        <v>95</v>
      </c>
      <c r="AJ30" s="349">
        <v>-5</v>
      </c>
      <c r="AK30" s="159"/>
    </row>
    <row r="31" spans="1:37" s="326" customFormat="1" ht="14.25" customHeight="1" x14ac:dyDescent="0.15">
      <c r="A31" s="553"/>
      <c r="B31" s="431"/>
      <c r="C31" s="347" t="s">
        <v>188</v>
      </c>
      <c r="D31" s="348" t="s">
        <v>190</v>
      </c>
      <c r="E31" s="351">
        <v>102.6</v>
      </c>
      <c r="F31" s="352">
        <v>4.5</v>
      </c>
      <c r="G31" s="351">
        <v>103.1</v>
      </c>
      <c r="H31" s="351">
        <v>-2.2999999999999998</v>
      </c>
      <c r="I31" s="351">
        <v>110.2</v>
      </c>
      <c r="J31" s="351">
        <v>12.3</v>
      </c>
      <c r="K31" s="351">
        <v>104.6</v>
      </c>
      <c r="L31" s="351">
        <v>2.2000000000000002</v>
      </c>
      <c r="M31" s="351">
        <v>111.6</v>
      </c>
      <c r="N31" s="351">
        <v>1.3</v>
      </c>
      <c r="O31" s="351">
        <v>91.1</v>
      </c>
      <c r="P31" s="351">
        <v>6.2</v>
      </c>
      <c r="Q31" s="351">
        <v>110.5</v>
      </c>
      <c r="R31" s="351">
        <v>13.8</v>
      </c>
      <c r="S31" s="351">
        <v>91.7</v>
      </c>
      <c r="T31" s="351">
        <v>-3.4</v>
      </c>
      <c r="U31" s="351">
        <v>121.2</v>
      </c>
      <c r="V31" s="351">
        <v>3.4</v>
      </c>
      <c r="W31" s="351">
        <v>106.1</v>
      </c>
      <c r="X31" s="351">
        <v>0.7</v>
      </c>
      <c r="Y31" s="351">
        <v>151.69999999999999</v>
      </c>
      <c r="Z31" s="351">
        <v>16.7</v>
      </c>
      <c r="AA31" s="351">
        <v>99.9</v>
      </c>
      <c r="AB31" s="351">
        <v>5.7</v>
      </c>
      <c r="AC31" s="351">
        <v>84.1</v>
      </c>
      <c r="AD31" s="351">
        <v>-3</v>
      </c>
      <c r="AE31" s="351">
        <v>102</v>
      </c>
      <c r="AF31" s="351">
        <v>-1.9</v>
      </c>
      <c r="AG31" s="351">
        <v>96</v>
      </c>
      <c r="AH31" s="351">
        <v>0.9</v>
      </c>
      <c r="AI31" s="351">
        <v>93.8</v>
      </c>
      <c r="AJ31" s="351">
        <v>-1.3</v>
      </c>
      <c r="AK31" s="159"/>
    </row>
    <row r="32" spans="1:37" s="326" customFormat="1" ht="14.25" customHeight="1" x14ac:dyDescent="0.15">
      <c r="A32" s="553"/>
      <c r="B32" s="431"/>
      <c r="C32" s="347" t="s">
        <v>188</v>
      </c>
      <c r="D32" s="348" t="s">
        <v>191</v>
      </c>
      <c r="E32" s="349">
        <v>107.9</v>
      </c>
      <c r="F32" s="350">
        <v>3.6</v>
      </c>
      <c r="G32" s="349">
        <v>109.2</v>
      </c>
      <c r="H32" s="349">
        <v>5.3</v>
      </c>
      <c r="I32" s="349">
        <v>110.1</v>
      </c>
      <c r="J32" s="349">
        <v>0.5</v>
      </c>
      <c r="K32" s="349">
        <v>119.4</v>
      </c>
      <c r="L32" s="349">
        <v>14.5</v>
      </c>
      <c r="M32" s="349">
        <v>112.1</v>
      </c>
      <c r="N32" s="349">
        <v>0.7</v>
      </c>
      <c r="O32" s="349">
        <v>94.1</v>
      </c>
      <c r="P32" s="349">
        <v>3.6</v>
      </c>
      <c r="Q32" s="349">
        <v>104</v>
      </c>
      <c r="R32" s="349">
        <v>-5.5</v>
      </c>
      <c r="S32" s="349">
        <v>98.6</v>
      </c>
      <c r="T32" s="349">
        <v>6.9</v>
      </c>
      <c r="U32" s="349">
        <v>112.5</v>
      </c>
      <c r="V32" s="349">
        <v>-3.5</v>
      </c>
      <c r="W32" s="349">
        <v>109.3</v>
      </c>
      <c r="X32" s="349">
        <v>3.3</v>
      </c>
      <c r="Y32" s="349">
        <v>132.9</v>
      </c>
      <c r="Z32" s="349">
        <v>-12.3</v>
      </c>
      <c r="AA32" s="349">
        <v>111.3</v>
      </c>
      <c r="AB32" s="349">
        <v>12.2</v>
      </c>
      <c r="AC32" s="349">
        <v>90.8</v>
      </c>
      <c r="AD32" s="349">
        <v>7.7</v>
      </c>
      <c r="AE32" s="349">
        <v>114.3</v>
      </c>
      <c r="AF32" s="349">
        <v>11.3</v>
      </c>
      <c r="AG32" s="349">
        <v>102.6</v>
      </c>
      <c r="AH32" s="349">
        <v>8.6999999999999993</v>
      </c>
      <c r="AI32" s="349">
        <v>106.5</v>
      </c>
      <c r="AJ32" s="349">
        <v>12.2</v>
      </c>
      <c r="AK32" s="159"/>
    </row>
    <row r="33" spans="1:37" s="326" customFormat="1" ht="14.25" customHeight="1" x14ac:dyDescent="0.15">
      <c r="A33" s="553"/>
      <c r="B33" s="431"/>
      <c r="C33" s="347" t="s">
        <v>188</v>
      </c>
      <c r="D33" s="348" t="s">
        <v>192</v>
      </c>
      <c r="E33" s="351">
        <v>111.3</v>
      </c>
      <c r="F33" s="352">
        <v>3.2</v>
      </c>
      <c r="G33" s="351">
        <v>112.9</v>
      </c>
      <c r="H33" s="351">
        <v>3.4</v>
      </c>
      <c r="I33" s="351">
        <v>112.7</v>
      </c>
      <c r="J33" s="351">
        <v>2.4</v>
      </c>
      <c r="K33" s="351">
        <v>110.9</v>
      </c>
      <c r="L33" s="351">
        <v>-7.1</v>
      </c>
      <c r="M33" s="351">
        <v>119.3</v>
      </c>
      <c r="N33" s="351">
        <v>6.4</v>
      </c>
      <c r="O33" s="351">
        <v>96.7</v>
      </c>
      <c r="P33" s="351">
        <v>2.8</v>
      </c>
      <c r="Q33" s="351">
        <v>106.2</v>
      </c>
      <c r="R33" s="351">
        <v>2.1</v>
      </c>
      <c r="S33" s="351">
        <v>106.4</v>
      </c>
      <c r="T33" s="351">
        <v>7.9</v>
      </c>
      <c r="U33" s="351">
        <v>101</v>
      </c>
      <c r="V33" s="351">
        <v>-10.199999999999999</v>
      </c>
      <c r="W33" s="351">
        <v>107.6</v>
      </c>
      <c r="X33" s="351">
        <v>-1.6</v>
      </c>
      <c r="Y33" s="351">
        <v>144.80000000000001</v>
      </c>
      <c r="Z33" s="351">
        <v>9</v>
      </c>
      <c r="AA33" s="351">
        <v>117.5</v>
      </c>
      <c r="AB33" s="351">
        <v>5.6</v>
      </c>
      <c r="AC33" s="351">
        <v>100</v>
      </c>
      <c r="AD33" s="351">
        <v>10.1</v>
      </c>
      <c r="AE33" s="351">
        <v>113.2</v>
      </c>
      <c r="AF33" s="351">
        <v>-1</v>
      </c>
      <c r="AG33" s="361">
        <v>102.4</v>
      </c>
      <c r="AH33" s="361">
        <v>-0.2</v>
      </c>
      <c r="AI33" s="351">
        <v>117.3</v>
      </c>
      <c r="AJ33" s="351">
        <v>10.1</v>
      </c>
      <c r="AK33" s="159"/>
    </row>
    <row r="34" spans="1:37" s="326" customFormat="1" ht="14.25" customHeight="1" x14ac:dyDescent="0.15">
      <c r="A34" s="553"/>
      <c r="B34" s="431"/>
      <c r="C34" s="347"/>
      <c r="D34" s="348"/>
      <c r="E34" s="351"/>
      <c r="F34" s="352"/>
      <c r="G34" s="351"/>
      <c r="H34" s="351"/>
      <c r="I34" s="351"/>
      <c r="J34" s="351"/>
      <c r="K34" s="351"/>
      <c r="L34" s="351"/>
      <c r="M34" s="351"/>
      <c r="N34" s="351"/>
      <c r="O34" s="351"/>
      <c r="P34" s="351"/>
      <c r="Q34" s="351"/>
      <c r="R34" s="351"/>
      <c r="S34" s="351"/>
      <c r="T34" s="351"/>
      <c r="U34" s="351"/>
      <c r="V34" s="351"/>
      <c r="W34" s="351"/>
      <c r="X34" s="351"/>
      <c r="Y34" s="351"/>
      <c r="Z34" s="351"/>
      <c r="AA34" s="351"/>
      <c r="AB34" s="351"/>
      <c r="AC34" s="351"/>
      <c r="AD34" s="351"/>
      <c r="AE34" s="351"/>
      <c r="AF34" s="351"/>
      <c r="AG34" s="361"/>
      <c r="AH34" s="361"/>
      <c r="AI34" s="351"/>
      <c r="AJ34" s="351"/>
      <c r="AK34" s="159"/>
    </row>
    <row r="35" spans="1:37" s="326" customFormat="1" ht="15" customHeight="1" x14ac:dyDescent="0.15">
      <c r="A35" s="553"/>
      <c r="B35" s="616" t="s">
        <v>0</v>
      </c>
      <c r="C35" s="347" t="s">
        <v>193</v>
      </c>
      <c r="D35" s="348" t="s">
        <v>194</v>
      </c>
      <c r="E35" s="349">
        <v>108.7</v>
      </c>
      <c r="F35" s="350">
        <v>3.5</v>
      </c>
      <c r="G35" s="349">
        <v>107.5</v>
      </c>
      <c r="H35" s="349">
        <v>0.5</v>
      </c>
      <c r="I35" s="349">
        <v>110.1</v>
      </c>
      <c r="J35" s="349">
        <v>2.2000000000000002</v>
      </c>
      <c r="K35" s="349">
        <v>104.5</v>
      </c>
      <c r="L35" s="349">
        <v>-9.1</v>
      </c>
      <c r="M35" s="349">
        <v>120.3</v>
      </c>
      <c r="N35" s="349">
        <v>8</v>
      </c>
      <c r="O35" s="349">
        <v>97.7</v>
      </c>
      <c r="P35" s="349">
        <v>8.6999999999999993</v>
      </c>
      <c r="Q35" s="349">
        <v>103.7</v>
      </c>
      <c r="R35" s="349">
        <v>-0.8</v>
      </c>
      <c r="S35" s="349">
        <v>105</v>
      </c>
      <c r="T35" s="349">
        <v>9.4</v>
      </c>
      <c r="U35" s="349">
        <v>99</v>
      </c>
      <c r="V35" s="349">
        <v>-11.2</v>
      </c>
      <c r="W35" s="349">
        <v>103.9</v>
      </c>
      <c r="X35" s="349">
        <v>-1.5</v>
      </c>
      <c r="Y35" s="349">
        <v>140.5</v>
      </c>
      <c r="Z35" s="349">
        <v>12.9</v>
      </c>
      <c r="AA35" s="349">
        <v>115.6</v>
      </c>
      <c r="AB35" s="349">
        <v>2.4</v>
      </c>
      <c r="AC35" s="349">
        <v>99.6</v>
      </c>
      <c r="AD35" s="349">
        <v>14.2</v>
      </c>
      <c r="AE35" s="349">
        <v>108.8</v>
      </c>
      <c r="AF35" s="349">
        <v>-2</v>
      </c>
      <c r="AG35" s="360">
        <v>102.7</v>
      </c>
      <c r="AH35" s="360">
        <v>-19.600000000000001</v>
      </c>
      <c r="AI35" s="349">
        <v>114.7</v>
      </c>
      <c r="AJ35" s="349">
        <v>14.5</v>
      </c>
      <c r="AK35" s="159"/>
    </row>
    <row r="36" spans="1:37" s="326" customFormat="1" ht="15" customHeight="1" x14ac:dyDescent="0.15">
      <c r="A36" s="553"/>
      <c r="B36" s="616"/>
      <c r="C36" s="347"/>
      <c r="D36" s="348" t="s">
        <v>195</v>
      </c>
      <c r="E36" s="351">
        <v>107.9</v>
      </c>
      <c r="F36" s="352">
        <v>2.5</v>
      </c>
      <c r="G36" s="351">
        <v>109.4</v>
      </c>
      <c r="H36" s="351">
        <v>2.1</v>
      </c>
      <c r="I36" s="351">
        <v>110.3</v>
      </c>
      <c r="J36" s="351">
        <v>3</v>
      </c>
      <c r="K36" s="351">
        <v>104.7</v>
      </c>
      <c r="L36" s="351">
        <v>-10.4</v>
      </c>
      <c r="M36" s="351">
        <v>116.5</v>
      </c>
      <c r="N36" s="351">
        <v>8</v>
      </c>
      <c r="O36" s="351">
        <v>93.6</v>
      </c>
      <c r="P36" s="351">
        <v>6.1</v>
      </c>
      <c r="Q36" s="351">
        <v>99.8</v>
      </c>
      <c r="R36" s="351">
        <v>-1</v>
      </c>
      <c r="S36" s="351">
        <v>100.9</v>
      </c>
      <c r="T36" s="351">
        <v>6.5</v>
      </c>
      <c r="U36" s="351">
        <v>94.3</v>
      </c>
      <c r="V36" s="351">
        <v>-14.4</v>
      </c>
      <c r="W36" s="351">
        <v>105.2</v>
      </c>
      <c r="X36" s="351">
        <v>-2.4</v>
      </c>
      <c r="Y36" s="351">
        <v>137.19999999999999</v>
      </c>
      <c r="Z36" s="351">
        <v>-18.7</v>
      </c>
      <c r="AA36" s="351">
        <v>109.6</v>
      </c>
      <c r="AB36" s="351">
        <v>1.5</v>
      </c>
      <c r="AC36" s="351">
        <v>100.8</v>
      </c>
      <c r="AD36" s="351">
        <v>16.399999999999999</v>
      </c>
      <c r="AE36" s="351">
        <v>109.6</v>
      </c>
      <c r="AF36" s="351">
        <v>-0.5</v>
      </c>
      <c r="AG36" s="361">
        <v>102</v>
      </c>
      <c r="AH36" s="361">
        <v>4.4000000000000004</v>
      </c>
      <c r="AI36" s="351">
        <v>113.7</v>
      </c>
      <c r="AJ36" s="351">
        <v>8.1</v>
      </c>
      <c r="AK36" s="159"/>
    </row>
    <row r="37" spans="1:37" s="326" customFormat="1" ht="15" customHeight="1" x14ac:dyDescent="0.15">
      <c r="A37" s="553"/>
      <c r="B37" s="616"/>
      <c r="C37" s="347"/>
      <c r="D37" s="348" t="s">
        <v>196</v>
      </c>
      <c r="E37" s="349">
        <v>109.6</v>
      </c>
      <c r="F37" s="350">
        <v>3</v>
      </c>
      <c r="G37" s="349">
        <v>112.5</v>
      </c>
      <c r="H37" s="349">
        <v>3.4</v>
      </c>
      <c r="I37" s="349">
        <v>110.9</v>
      </c>
      <c r="J37" s="349">
        <v>1.8</v>
      </c>
      <c r="K37" s="349">
        <v>115.7</v>
      </c>
      <c r="L37" s="349">
        <v>-3.3</v>
      </c>
      <c r="M37" s="349">
        <v>117.9</v>
      </c>
      <c r="N37" s="349">
        <v>7.6</v>
      </c>
      <c r="O37" s="349">
        <v>96.1</v>
      </c>
      <c r="P37" s="349">
        <v>1.7</v>
      </c>
      <c r="Q37" s="349">
        <v>101.9</v>
      </c>
      <c r="R37" s="349">
        <v>-1.7</v>
      </c>
      <c r="S37" s="349">
        <v>106.1</v>
      </c>
      <c r="T37" s="349">
        <v>11.1</v>
      </c>
      <c r="U37" s="349">
        <v>90.7</v>
      </c>
      <c r="V37" s="349">
        <v>-21.3</v>
      </c>
      <c r="W37" s="349">
        <v>106.3</v>
      </c>
      <c r="X37" s="349">
        <v>-1.8</v>
      </c>
      <c r="Y37" s="349">
        <v>139.80000000000001</v>
      </c>
      <c r="Z37" s="349">
        <v>10.3</v>
      </c>
      <c r="AA37" s="349">
        <v>111.7</v>
      </c>
      <c r="AB37" s="349">
        <v>6</v>
      </c>
      <c r="AC37" s="349">
        <v>101.5</v>
      </c>
      <c r="AD37" s="349">
        <v>16.899999999999999</v>
      </c>
      <c r="AE37" s="349">
        <v>112.2</v>
      </c>
      <c r="AF37" s="349">
        <v>0.1</v>
      </c>
      <c r="AG37" s="360">
        <v>99.5</v>
      </c>
      <c r="AH37" s="360">
        <v>7.7</v>
      </c>
      <c r="AI37" s="349">
        <v>114.4</v>
      </c>
      <c r="AJ37" s="349">
        <v>8.8000000000000007</v>
      </c>
      <c r="AK37" s="159"/>
    </row>
    <row r="38" spans="1:37" s="326" customFormat="1" ht="15" customHeight="1" x14ac:dyDescent="0.15">
      <c r="A38" s="553"/>
      <c r="B38" s="616"/>
      <c r="C38" s="347"/>
      <c r="D38" s="348" t="s">
        <v>197</v>
      </c>
      <c r="E38" s="351">
        <v>111.8</v>
      </c>
      <c r="F38" s="352">
        <v>2.5</v>
      </c>
      <c r="G38" s="351">
        <v>110.7</v>
      </c>
      <c r="H38" s="351">
        <v>1.5</v>
      </c>
      <c r="I38" s="351">
        <v>113.2</v>
      </c>
      <c r="J38" s="351">
        <v>3.1</v>
      </c>
      <c r="K38" s="351">
        <v>99.9</v>
      </c>
      <c r="L38" s="351">
        <v>-17.100000000000001</v>
      </c>
      <c r="M38" s="351">
        <v>120.3</v>
      </c>
      <c r="N38" s="351">
        <v>6.3</v>
      </c>
      <c r="O38" s="351">
        <v>97.2</v>
      </c>
      <c r="P38" s="351">
        <v>1.6</v>
      </c>
      <c r="Q38" s="351">
        <v>102.6</v>
      </c>
      <c r="R38" s="351">
        <v>-2.9</v>
      </c>
      <c r="S38" s="351">
        <v>106.8</v>
      </c>
      <c r="T38" s="351">
        <v>7.6</v>
      </c>
      <c r="U38" s="351">
        <v>99.8</v>
      </c>
      <c r="V38" s="351">
        <v>-19.600000000000001</v>
      </c>
      <c r="W38" s="351">
        <v>108</v>
      </c>
      <c r="X38" s="351">
        <v>-0.7</v>
      </c>
      <c r="Y38" s="351">
        <v>148.19999999999999</v>
      </c>
      <c r="Z38" s="351">
        <v>-12.3</v>
      </c>
      <c r="AA38" s="351">
        <v>119.5</v>
      </c>
      <c r="AB38" s="351">
        <v>7.3</v>
      </c>
      <c r="AC38" s="351">
        <v>104.8</v>
      </c>
      <c r="AD38" s="351">
        <v>15.8</v>
      </c>
      <c r="AE38" s="351">
        <v>115.1</v>
      </c>
      <c r="AF38" s="351">
        <v>0.3</v>
      </c>
      <c r="AG38" s="361">
        <v>100.7</v>
      </c>
      <c r="AH38" s="361">
        <v>0.1</v>
      </c>
      <c r="AI38" s="351">
        <v>117.1</v>
      </c>
      <c r="AJ38" s="351">
        <v>11.5</v>
      </c>
      <c r="AK38" s="159"/>
    </row>
    <row r="39" spans="1:37" s="326" customFormat="1" ht="15" customHeight="1" x14ac:dyDescent="0.15">
      <c r="A39" s="553"/>
      <c r="B39" s="616"/>
      <c r="C39" s="347"/>
      <c r="D39" s="348" t="s">
        <v>198</v>
      </c>
      <c r="E39" s="349">
        <v>110.4</v>
      </c>
      <c r="F39" s="350">
        <v>2.2000000000000002</v>
      </c>
      <c r="G39" s="349">
        <v>111.1</v>
      </c>
      <c r="H39" s="349">
        <v>0.8</v>
      </c>
      <c r="I39" s="349">
        <v>111.7</v>
      </c>
      <c r="J39" s="349">
        <v>2.5</v>
      </c>
      <c r="K39" s="349">
        <v>106.5</v>
      </c>
      <c r="L39" s="349">
        <v>-11</v>
      </c>
      <c r="M39" s="349">
        <v>117.2</v>
      </c>
      <c r="N39" s="349">
        <v>2.5</v>
      </c>
      <c r="O39" s="349">
        <v>96.6</v>
      </c>
      <c r="P39" s="349">
        <v>2.5</v>
      </c>
      <c r="Q39" s="349">
        <v>104.4</v>
      </c>
      <c r="R39" s="349">
        <v>0.2</v>
      </c>
      <c r="S39" s="349">
        <v>111.9</v>
      </c>
      <c r="T39" s="349">
        <v>14.2</v>
      </c>
      <c r="U39" s="349">
        <v>96.3</v>
      </c>
      <c r="V39" s="349">
        <v>-13.6</v>
      </c>
      <c r="W39" s="349">
        <v>106.3</v>
      </c>
      <c r="X39" s="349">
        <v>-1.2</v>
      </c>
      <c r="Y39" s="349">
        <v>145.30000000000001</v>
      </c>
      <c r="Z39" s="349">
        <v>13.4</v>
      </c>
      <c r="AA39" s="349">
        <v>120.5</v>
      </c>
      <c r="AB39" s="349">
        <v>7.7</v>
      </c>
      <c r="AC39" s="349">
        <v>100.3</v>
      </c>
      <c r="AD39" s="349">
        <v>7</v>
      </c>
      <c r="AE39" s="349">
        <v>112.9</v>
      </c>
      <c r="AF39" s="349">
        <v>-1.2</v>
      </c>
      <c r="AG39" s="360">
        <v>102.2</v>
      </c>
      <c r="AH39" s="360">
        <v>3.5</v>
      </c>
      <c r="AI39" s="349">
        <v>114.9</v>
      </c>
      <c r="AJ39" s="349">
        <v>9</v>
      </c>
      <c r="AK39" s="159"/>
    </row>
    <row r="40" spans="1:37" s="326" customFormat="1" ht="15" customHeight="1" x14ac:dyDescent="0.15">
      <c r="A40" s="553"/>
      <c r="B40" s="362">
        <v>30</v>
      </c>
      <c r="C40" s="347"/>
      <c r="D40" s="348" t="s">
        <v>199</v>
      </c>
      <c r="E40" s="351">
        <v>112</v>
      </c>
      <c r="F40" s="352">
        <v>2.9</v>
      </c>
      <c r="G40" s="351">
        <v>116.7</v>
      </c>
      <c r="H40" s="351">
        <v>7.2</v>
      </c>
      <c r="I40" s="351">
        <v>114</v>
      </c>
      <c r="J40" s="351">
        <v>3.1</v>
      </c>
      <c r="K40" s="351">
        <v>121.3</v>
      </c>
      <c r="L40" s="351">
        <v>0.6</v>
      </c>
      <c r="M40" s="351">
        <v>120.7</v>
      </c>
      <c r="N40" s="351">
        <v>7.6</v>
      </c>
      <c r="O40" s="351">
        <v>98.2</v>
      </c>
      <c r="P40" s="351">
        <v>3.2</v>
      </c>
      <c r="Q40" s="351">
        <v>104.3</v>
      </c>
      <c r="R40" s="351">
        <v>0.9</v>
      </c>
      <c r="S40" s="351">
        <v>103.9</v>
      </c>
      <c r="T40" s="351">
        <v>7.6</v>
      </c>
      <c r="U40" s="351">
        <v>100.6</v>
      </c>
      <c r="V40" s="351">
        <v>-6.5</v>
      </c>
      <c r="W40" s="351">
        <v>107.8</v>
      </c>
      <c r="X40" s="351">
        <v>-0.9</v>
      </c>
      <c r="Y40" s="351">
        <v>142.9</v>
      </c>
      <c r="Z40" s="351">
        <v>10.1</v>
      </c>
      <c r="AA40" s="351">
        <v>124.6</v>
      </c>
      <c r="AB40" s="351">
        <v>13.6</v>
      </c>
      <c r="AC40" s="351">
        <v>100.1</v>
      </c>
      <c r="AD40" s="351">
        <v>10</v>
      </c>
      <c r="AE40" s="351">
        <v>114.1</v>
      </c>
      <c r="AF40" s="351">
        <v>-4.8</v>
      </c>
      <c r="AG40" s="361">
        <v>104.2</v>
      </c>
      <c r="AH40" s="361">
        <v>4.7</v>
      </c>
      <c r="AI40" s="351">
        <v>115.7</v>
      </c>
      <c r="AJ40" s="351">
        <v>8.1</v>
      </c>
      <c r="AK40" s="159"/>
    </row>
    <row r="41" spans="1:37" s="326" customFormat="1" ht="15" customHeight="1" x14ac:dyDescent="0.15">
      <c r="A41" s="553"/>
      <c r="B41" s="617" t="s">
        <v>163</v>
      </c>
      <c r="C41" s="347"/>
      <c r="D41" s="348" t="s">
        <v>200</v>
      </c>
      <c r="E41" s="349">
        <v>112.1</v>
      </c>
      <c r="F41" s="350">
        <v>3.6</v>
      </c>
      <c r="G41" s="349">
        <v>115.1</v>
      </c>
      <c r="H41" s="349">
        <v>5.4</v>
      </c>
      <c r="I41" s="349">
        <v>114.2</v>
      </c>
      <c r="J41" s="349">
        <v>2.9</v>
      </c>
      <c r="K41" s="349">
        <v>107.5</v>
      </c>
      <c r="L41" s="349">
        <v>-8.9</v>
      </c>
      <c r="M41" s="349">
        <v>118.1</v>
      </c>
      <c r="N41" s="349">
        <v>5.6</v>
      </c>
      <c r="O41" s="349">
        <v>94.5</v>
      </c>
      <c r="P41" s="349">
        <v>0.2</v>
      </c>
      <c r="Q41" s="349">
        <v>107.4</v>
      </c>
      <c r="R41" s="349">
        <v>3.9</v>
      </c>
      <c r="S41" s="349">
        <v>106</v>
      </c>
      <c r="T41" s="349">
        <v>3.6</v>
      </c>
      <c r="U41" s="349">
        <v>117.7</v>
      </c>
      <c r="V41" s="349">
        <v>7.7</v>
      </c>
      <c r="W41" s="349">
        <v>107.7</v>
      </c>
      <c r="X41" s="349">
        <v>-1.9</v>
      </c>
      <c r="Y41" s="349">
        <v>141</v>
      </c>
      <c r="Z41" s="349">
        <v>10.7</v>
      </c>
      <c r="AA41" s="349">
        <v>115.1</v>
      </c>
      <c r="AB41" s="349">
        <v>5.3</v>
      </c>
      <c r="AC41" s="349">
        <v>99.3</v>
      </c>
      <c r="AD41" s="349">
        <v>8.4</v>
      </c>
      <c r="AE41" s="349">
        <v>114.3</v>
      </c>
      <c r="AF41" s="349">
        <v>-0.2</v>
      </c>
      <c r="AG41" s="360">
        <v>103.9</v>
      </c>
      <c r="AH41" s="360">
        <v>4.0999999999999996</v>
      </c>
      <c r="AI41" s="349">
        <v>119.7</v>
      </c>
      <c r="AJ41" s="349">
        <v>10.9</v>
      </c>
      <c r="AK41" s="159"/>
    </row>
    <row r="42" spans="1:37" s="326" customFormat="1" ht="15" customHeight="1" x14ac:dyDescent="0.15">
      <c r="A42" s="553"/>
      <c r="B42" s="617"/>
      <c r="C42" s="347"/>
      <c r="D42" s="348" t="s">
        <v>201</v>
      </c>
      <c r="E42" s="351">
        <v>110.8</v>
      </c>
      <c r="F42" s="352">
        <v>1.5</v>
      </c>
      <c r="G42" s="351">
        <v>111.8</v>
      </c>
      <c r="H42" s="351">
        <v>2.7</v>
      </c>
      <c r="I42" s="351">
        <v>113.1</v>
      </c>
      <c r="J42" s="351">
        <v>1.6</v>
      </c>
      <c r="K42" s="351">
        <v>120.6</v>
      </c>
      <c r="L42" s="351">
        <v>-0.8</v>
      </c>
      <c r="M42" s="351">
        <v>120.9</v>
      </c>
      <c r="N42" s="351">
        <v>5.6</v>
      </c>
      <c r="O42" s="351">
        <v>94</v>
      </c>
      <c r="P42" s="351">
        <v>-1.8</v>
      </c>
      <c r="Q42" s="351">
        <v>105.8</v>
      </c>
      <c r="R42" s="351">
        <v>-2</v>
      </c>
      <c r="S42" s="351">
        <v>103.6</v>
      </c>
      <c r="T42" s="351">
        <v>4.3</v>
      </c>
      <c r="U42" s="351">
        <v>100.3</v>
      </c>
      <c r="V42" s="351">
        <v>-7</v>
      </c>
      <c r="W42" s="351">
        <v>107.5</v>
      </c>
      <c r="X42" s="351">
        <v>-1.6</v>
      </c>
      <c r="Y42" s="351">
        <v>147.19999999999999</v>
      </c>
      <c r="Z42" s="351">
        <v>20.399999999999999</v>
      </c>
      <c r="AA42" s="351">
        <v>119.6</v>
      </c>
      <c r="AB42" s="351">
        <v>6.9</v>
      </c>
      <c r="AC42" s="351">
        <v>97.2</v>
      </c>
      <c r="AD42" s="351">
        <v>7.8</v>
      </c>
      <c r="AE42" s="351">
        <v>113.3</v>
      </c>
      <c r="AF42" s="351">
        <v>-4</v>
      </c>
      <c r="AG42" s="361">
        <v>102.9</v>
      </c>
      <c r="AH42" s="361">
        <v>5.2</v>
      </c>
      <c r="AI42" s="351">
        <v>115.6</v>
      </c>
      <c r="AJ42" s="351">
        <v>8.6999999999999993</v>
      </c>
      <c r="AK42" s="159"/>
    </row>
    <row r="43" spans="1:37" s="326" customFormat="1" ht="15" customHeight="1" x14ac:dyDescent="0.15">
      <c r="A43" s="553"/>
      <c r="B43" s="617"/>
      <c r="C43" s="347"/>
      <c r="D43" s="348" t="s">
        <v>202</v>
      </c>
      <c r="E43" s="349">
        <v>111.4</v>
      </c>
      <c r="F43" s="350">
        <v>2.6</v>
      </c>
      <c r="G43" s="349">
        <v>114.2</v>
      </c>
      <c r="H43" s="349">
        <v>4.5999999999999996</v>
      </c>
      <c r="I43" s="349">
        <v>112.9</v>
      </c>
      <c r="J43" s="349">
        <v>1.9</v>
      </c>
      <c r="K43" s="349">
        <v>104.3</v>
      </c>
      <c r="L43" s="349">
        <v>-13.2</v>
      </c>
      <c r="M43" s="349">
        <v>118.6</v>
      </c>
      <c r="N43" s="349">
        <v>6.2</v>
      </c>
      <c r="O43" s="349">
        <v>96.9</v>
      </c>
      <c r="P43" s="349">
        <v>2.6</v>
      </c>
      <c r="Q43" s="349">
        <v>106.3</v>
      </c>
      <c r="R43" s="349">
        <v>1.1000000000000001</v>
      </c>
      <c r="S43" s="349">
        <v>105.6</v>
      </c>
      <c r="T43" s="349">
        <v>6</v>
      </c>
      <c r="U43" s="349">
        <v>99.6</v>
      </c>
      <c r="V43" s="349">
        <v>-16.100000000000001</v>
      </c>
      <c r="W43" s="349">
        <v>108.3</v>
      </c>
      <c r="X43" s="349">
        <v>-1.8</v>
      </c>
      <c r="Y43" s="349">
        <v>144.69999999999999</v>
      </c>
      <c r="Z43" s="349">
        <v>18.7</v>
      </c>
      <c r="AA43" s="349">
        <v>119.2</v>
      </c>
      <c r="AB43" s="349">
        <v>10.5</v>
      </c>
      <c r="AC43" s="349">
        <v>98.2</v>
      </c>
      <c r="AD43" s="349">
        <v>7.7</v>
      </c>
      <c r="AE43" s="349">
        <v>113.3</v>
      </c>
      <c r="AF43" s="349">
        <v>-2.2000000000000002</v>
      </c>
      <c r="AG43" s="360">
        <v>101.5</v>
      </c>
      <c r="AH43" s="360">
        <v>-16.600000000000001</v>
      </c>
      <c r="AI43" s="349">
        <v>119</v>
      </c>
      <c r="AJ43" s="349">
        <v>10.1</v>
      </c>
      <c r="AK43" s="159"/>
    </row>
    <row r="44" spans="1:37" s="326" customFormat="1" ht="15" customHeight="1" x14ac:dyDescent="0.15">
      <c r="A44" s="553"/>
      <c r="B44" s="431"/>
      <c r="C44" s="347"/>
      <c r="D44" s="348" t="s">
        <v>203</v>
      </c>
      <c r="E44" s="351">
        <v>114.5</v>
      </c>
      <c r="F44" s="352">
        <v>5.9</v>
      </c>
      <c r="G44" s="351">
        <v>115.6</v>
      </c>
      <c r="H44" s="351">
        <v>3.6</v>
      </c>
      <c r="I44" s="351">
        <v>115.1</v>
      </c>
      <c r="J44" s="351">
        <v>3</v>
      </c>
      <c r="K44" s="351">
        <v>123.9</v>
      </c>
      <c r="L44" s="351">
        <v>2.7</v>
      </c>
      <c r="M44" s="351">
        <v>120.9</v>
      </c>
      <c r="N44" s="351">
        <v>7</v>
      </c>
      <c r="O44" s="351">
        <v>99.6</v>
      </c>
      <c r="P44" s="351">
        <v>2.6</v>
      </c>
      <c r="Q44" s="351">
        <v>113.3</v>
      </c>
      <c r="R44" s="351">
        <v>7.3</v>
      </c>
      <c r="S44" s="351">
        <v>111.9</v>
      </c>
      <c r="T44" s="351">
        <v>10.8</v>
      </c>
      <c r="U44" s="351">
        <v>104.4</v>
      </c>
      <c r="V44" s="351">
        <v>-7.5</v>
      </c>
      <c r="W44" s="351">
        <v>109.5</v>
      </c>
      <c r="X44" s="351">
        <v>-1.9</v>
      </c>
      <c r="Y44" s="351">
        <v>148.4</v>
      </c>
      <c r="Z44" s="351">
        <v>17.5</v>
      </c>
      <c r="AA44" s="351">
        <v>116.2</v>
      </c>
      <c r="AB44" s="351">
        <v>3.5</v>
      </c>
      <c r="AC44" s="351">
        <v>101</v>
      </c>
      <c r="AD44" s="351">
        <v>7.3</v>
      </c>
      <c r="AE44" s="351">
        <v>117.1</v>
      </c>
      <c r="AF44" s="351">
        <v>10.3</v>
      </c>
      <c r="AG44" s="361">
        <v>103.3</v>
      </c>
      <c r="AH44" s="361">
        <v>6.9</v>
      </c>
      <c r="AI44" s="351">
        <v>121</v>
      </c>
      <c r="AJ44" s="351">
        <v>11.6</v>
      </c>
      <c r="AK44" s="159"/>
    </row>
    <row r="45" spans="1:37" s="326" customFormat="1" ht="15" customHeight="1" x14ac:dyDescent="0.15">
      <c r="A45" s="553"/>
      <c r="B45" s="431"/>
      <c r="C45" s="347"/>
      <c r="D45" s="348" t="s">
        <v>204</v>
      </c>
      <c r="E45" s="349">
        <v>112.5</v>
      </c>
      <c r="F45" s="350">
        <v>2.9</v>
      </c>
      <c r="G45" s="349">
        <v>115.3</v>
      </c>
      <c r="H45" s="349">
        <v>4.3</v>
      </c>
      <c r="I45" s="349">
        <v>114.2</v>
      </c>
      <c r="J45" s="349">
        <v>1.8</v>
      </c>
      <c r="K45" s="349">
        <v>104</v>
      </c>
      <c r="L45" s="349">
        <v>-13.5</v>
      </c>
      <c r="M45" s="349">
        <v>120.8</v>
      </c>
      <c r="N45" s="349">
        <v>7.3</v>
      </c>
      <c r="O45" s="349">
        <v>96.9</v>
      </c>
      <c r="P45" s="349">
        <v>1</v>
      </c>
      <c r="Q45" s="349">
        <v>111.1</v>
      </c>
      <c r="R45" s="349">
        <v>10.199999999999999</v>
      </c>
      <c r="S45" s="349">
        <v>108.2</v>
      </c>
      <c r="T45" s="349">
        <v>8.4</v>
      </c>
      <c r="U45" s="349">
        <v>103.2</v>
      </c>
      <c r="V45" s="349">
        <v>-4.5</v>
      </c>
      <c r="W45" s="349">
        <v>109.2</v>
      </c>
      <c r="X45" s="349">
        <v>-1.6</v>
      </c>
      <c r="Y45" s="349">
        <v>151.4</v>
      </c>
      <c r="Z45" s="349">
        <v>22.8</v>
      </c>
      <c r="AA45" s="349">
        <v>121.1</v>
      </c>
      <c r="AB45" s="349">
        <v>1.6</v>
      </c>
      <c r="AC45" s="349">
        <v>95.8</v>
      </c>
      <c r="AD45" s="349">
        <v>3.1</v>
      </c>
      <c r="AE45" s="349">
        <v>113.4</v>
      </c>
      <c r="AF45" s="349">
        <v>-4.0999999999999996</v>
      </c>
      <c r="AG45" s="360">
        <v>100.5</v>
      </c>
      <c r="AH45" s="360">
        <v>-1.1000000000000001</v>
      </c>
      <c r="AI45" s="349">
        <v>120</v>
      </c>
      <c r="AJ45" s="349">
        <v>9.5</v>
      </c>
      <c r="AK45" s="159"/>
    </row>
    <row r="46" spans="1:37" s="326" customFormat="1" ht="15" customHeight="1" x14ac:dyDescent="0.15">
      <c r="A46" s="553"/>
      <c r="B46" s="431"/>
      <c r="C46" s="347"/>
      <c r="D46" s="348" t="s">
        <v>205</v>
      </c>
      <c r="E46" s="351">
        <v>113.7</v>
      </c>
      <c r="F46" s="352">
        <v>4.0999999999999996</v>
      </c>
      <c r="G46" s="351">
        <v>115.2</v>
      </c>
      <c r="H46" s="351">
        <v>5.3</v>
      </c>
      <c r="I46" s="351">
        <v>113.2</v>
      </c>
      <c r="J46" s="351">
        <v>1.5</v>
      </c>
      <c r="K46" s="351">
        <v>117.3</v>
      </c>
      <c r="L46" s="351">
        <v>-1.8</v>
      </c>
      <c r="M46" s="351">
        <v>119.8</v>
      </c>
      <c r="N46" s="351">
        <v>5.9</v>
      </c>
      <c r="O46" s="351">
        <v>99.2</v>
      </c>
      <c r="P46" s="351">
        <v>6.1</v>
      </c>
      <c r="Q46" s="351">
        <v>113.9</v>
      </c>
      <c r="R46" s="351">
        <v>10.8</v>
      </c>
      <c r="S46" s="351">
        <v>107.2</v>
      </c>
      <c r="T46" s="351">
        <v>6.2</v>
      </c>
      <c r="U46" s="351">
        <v>105.9</v>
      </c>
      <c r="V46" s="351">
        <v>-5.9</v>
      </c>
      <c r="W46" s="351">
        <v>110.9</v>
      </c>
      <c r="X46" s="351">
        <v>-1.6</v>
      </c>
      <c r="Y46" s="351">
        <v>150.80000000000001</v>
      </c>
      <c r="Z46" s="351">
        <v>19.100000000000001</v>
      </c>
      <c r="AA46" s="351">
        <v>117.6</v>
      </c>
      <c r="AB46" s="351">
        <v>1.5</v>
      </c>
      <c r="AC46" s="351">
        <v>100.8</v>
      </c>
      <c r="AD46" s="351">
        <v>7.7</v>
      </c>
      <c r="AE46" s="351">
        <v>114.2</v>
      </c>
      <c r="AF46" s="351">
        <v>-1.9</v>
      </c>
      <c r="AG46" s="351">
        <v>105.9</v>
      </c>
      <c r="AH46" s="361">
        <v>8.6</v>
      </c>
      <c r="AI46" s="351">
        <v>121.5</v>
      </c>
      <c r="AJ46" s="351">
        <v>10.199999999999999</v>
      </c>
      <c r="AK46" s="159"/>
    </row>
    <row r="47" spans="1:37" s="326" customFormat="1" ht="14.25" customHeight="1" x14ac:dyDescent="0.15">
      <c r="A47" s="553"/>
      <c r="B47" s="431"/>
      <c r="C47" s="347"/>
      <c r="D47" s="348"/>
      <c r="E47" s="351"/>
      <c r="F47" s="352"/>
      <c r="G47" s="351"/>
      <c r="H47" s="351"/>
      <c r="I47" s="351"/>
      <c r="J47" s="351"/>
      <c r="K47" s="351"/>
      <c r="L47" s="351"/>
      <c r="M47" s="351"/>
      <c r="N47" s="351"/>
      <c r="O47" s="351"/>
      <c r="P47" s="351"/>
      <c r="Q47" s="351"/>
      <c r="R47" s="351"/>
      <c r="S47" s="351"/>
      <c r="T47" s="351"/>
      <c r="U47" s="351"/>
      <c r="V47" s="351"/>
      <c r="W47" s="351"/>
      <c r="X47" s="351"/>
      <c r="Y47" s="351"/>
      <c r="Z47" s="351"/>
      <c r="AA47" s="351"/>
      <c r="AB47" s="351"/>
      <c r="AC47" s="351"/>
      <c r="AD47" s="351"/>
      <c r="AE47" s="351"/>
      <c r="AF47" s="351"/>
      <c r="AG47" s="361"/>
      <c r="AH47" s="361"/>
      <c r="AI47" s="351"/>
      <c r="AJ47" s="351"/>
      <c r="AK47" s="159"/>
    </row>
    <row r="48" spans="1:37" s="326" customFormat="1" ht="14.25" customHeight="1" x14ac:dyDescent="0.15">
      <c r="A48" s="553"/>
      <c r="B48" s="431"/>
      <c r="C48" s="347" t="s">
        <v>206</v>
      </c>
      <c r="D48" s="348" t="s">
        <v>194</v>
      </c>
      <c r="E48" s="349">
        <v>110.8</v>
      </c>
      <c r="F48" s="350">
        <v>1.9</v>
      </c>
      <c r="G48" s="349">
        <v>138.30000000000001</v>
      </c>
      <c r="H48" s="349">
        <v>28.7</v>
      </c>
      <c r="I48" s="349">
        <v>108.1</v>
      </c>
      <c r="J48" s="349">
        <v>-1.8</v>
      </c>
      <c r="K48" s="349">
        <v>107.7</v>
      </c>
      <c r="L48" s="349">
        <v>3.1</v>
      </c>
      <c r="M48" s="349">
        <v>120.5</v>
      </c>
      <c r="N48" s="349">
        <v>0.2</v>
      </c>
      <c r="O48" s="349">
        <v>91.9</v>
      </c>
      <c r="P48" s="349">
        <v>-5.9</v>
      </c>
      <c r="Q48" s="349">
        <v>112.3</v>
      </c>
      <c r="R48" s="349">
        <v>8.3000000000000007</v>
      </c>
      <c r="S48" s="349">
        <v>114.4</v>
      </c>
      <c r="T48" s="349">
        <v>9</v>
      </c>
      <c r="U48" s="349">
        <v>98.8</v>
      </c>
      <c r="V48" s="349">
        <v>-0.2</v>
      </c>
      <c r="W48" s="349">
        <v>104.1</v>
      </c>
      <c r="X48" s="349">
        <v>0.2</v>
      </c>
      <c r="Y48" s="349">
        <v>151.6</v>
      </c>
      <c r="Z48" s="349">
        <v>7.9</v>
      </c>
      <c r="AA48" s="349">
        <v>111.8</v>
      </c>
      <c r="AB48" s="349">
        <v>-3.3</v>
      </c>
      <c r="AC48" s="349">
        <v>99.7</v>
      </c>
      <c r="AD48" s="349">
        <v>0.1</v>
      </c>
      <c r="AE48" s="349">
        <v>110.1</v>
      </c>
      <c r="AF48" s="349">
        <v>1.2</v>
      </c>
      <c r="AG48" s="349">
        <v>115.2</v>
      </c>
      <c r="AH48" s="360">
        <v>12.2</v>
      </c>
      <c r="AI48" s="349">
        <v>118.4</v>
      </c>
      <c r="AJ48" s="349">
        <v>3.2</v>
      </c>
      <c r="AK48" s="159"/>
    </row>
    <row r="49" spans="1:36" ht="11.25" customHeight="1" thickBot="1" x14ac:dyDescent="0.2">
      <c r="A49" s="553"/>
      <c r="B49" s="433"/>
      <c r="C49" s="363"/>
      <c r="D49" s="364"/>
      <c r="E49" s="434"/>
      <c r="F49" s="435"/>
      <c r="G49" s="434"/>
      <c r="H49" s="434"/>
      <c r="I49" s="434"/>
      <c r="J49" s="434"/>
      <c r="K49" s="434"/>
      <c r="L49" s="434"/>
      <c r="M49" s="434"/>
      <c r="N49" s="434"/>
      <c r="O49" s="434"/>
      <c r="P49" s="434"/>
      <c r="Q49" s="434"/>
      <c r="R49" s="434"/>
      <c r="S49" s="434"/>
      <c r="T49" s="434"/>
      <c r="U49" s="434"/>
      <c r="V49" s="434"/>
      <c r="W49" s="434"/>
      <c r="X49" s="434"/>
      <c r="Y49" s="434"/>
      <c r="Z49" s="434"/>
      <c r="AA49" s="434"/>
      <c r="AB49" s="434"/>
      <c r="AC49" s="434"/>
      <c r="AD49" s="434"/>
      <c r="AE49" s="434"/>
      <c r="AF49" s="434"/>
      <c r="AG49" s="434"/>
      <c r="AH49" s="434"/>
      <c r="AI49" s="434"/>
      <c r="AJ49" s="434"/>
    </row>
    <row r="50" spans="1:36" ht="14.1" customHeight="1" x14ac:dyDescent="0.15">
      <c r="A50" s="553"/>
      <c r="C50" s="611" t="s">
        <v>207</v>
      </c>
      <c r="D50" s="612"/>
      <c r="E50" s="612"/>
      <c r="F50" s="612"/>
      <c r="G50" s="612"/>
      <c r="H50" s="612"/>
      <c r="I50" s="612"/>
      <c r="J50" s="612"/>
      <c r="K50" s="612"/>
      <c r="L50" s="612"/>
      <c r="M50" s="613"/>
      <c r="N50" s="613"/>
      <c r="O50" s="613"/>
      <c r="P50" s="613"/>
      <c r="Q50" s="613"/>
      <c r="R50" s="613"/>
      <c r="S50" s="613"/>
      <c r="T50" s="613"/>
      <c r="U50" s="613"/>
      <c r="V50" s="613"/>
      <c r="W50" s="613"/>
      <c r="X50" s="613"/>
      <c r="Y50" s="613"/>
      <c r="Z50" s="613"/>
      <c r="AA50" s="613"/>
      <c r="AB50" s="613"/>
      <c r="AC50" s="613"/>
      <c r="AD50" s="613"/>
      <c r="AE50" s="613"/>
      <c r="AF50" s="613"/>
    </row>
  </sheetData>
  <protectedRanges>
    <protectedRange sqref="AI26:AJ26" name="範囲1_1_2"/>
    <protectedRange sqref="AI47:AJ47" name="範囲1_1_4"/>
  </protectedRanges>
  <mergeCells count="54">
    <mergeCell ref="AG6:AH6"/>
    <mergeCell ref="AI6:AJ6"/>
    <mergeCell ref="B8:B28"/>
    <mergeCell ref="B35:B39"/>
    <mergeCell ref="B41:B43"/>
    <mergeCell ref="C50:AF50"/>
    <mergeCell ref="U6:V6"/>
    <mergeCell ref="W6:X6"/>
    <mergeCell ref="Y6:Z6"/>
    <mergeCell ref="AA6:AB6"/>
    <mergeCell ref="AC6:AD6"/>
    <mergeCell ref="AE6:AF6"/>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AA4:AB4"/>
    <mergeCell ref="AC4:AD4"/>
    <mergeCell ref="AE4:AF4"/>
    <mergeCell ref="AG4:AH4"/>
    <mergeCell ref="AI4:AJ4"/>
    <mergeCell ref="K5:L5"/>
    <mergeCell ref="M5:N5"/>
    <mergeCell ref="O5:P5"/>
    <mergeCell ref="Q5:R5"/>
    <mergeCell ref="S5:T5"/>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s>
  <phoneticPr fontId="3"/>
  <printOptions horizontalCentered="1"/>
  <pageMargins left="0.59055118110236227" right="0.59055118110236227" top="0.39370078740157483" bottom="0.59055118110236227" header="0" footer="0.19685039370078741"/>
  <pageSetup paperSize="9" scale="72" orientation="landscape" errors="blank"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2CF3049-4E29-4EFA-83CD-F4EC8BC4079D}">
  <sheetPr codeName="Sheet19">
    <tabColor indexed="52"/>
    <pageSetUpPr fitToPage="1"/>
  </sheetPr>
  <dimension ref="A1:AK50"/>
  <sheetViews>
    <sheetView view="pageBreakPreview" topLeftCell="A20" zoomScaleNormal="100" zoomScaleSheetLayoutView="100" workbookViewId="0">
      <selection sqref="A1:A50"/>
    </sheetView>
  </sheetViews>
  <sheetFormatPr defaultColWidth="9" defaultRowHeight="13.5" x14ac:dyDescent="0.15"/>
  <cols>
    <col min="1" max="1" width="4.375" style="425" customWidth="1"/>
    <col min="2" max="2" width="2.5" style="367" customWidth="1"/>
    <col min="3" max="3" width="6.625" style="367" customWidth="1"/>
    <col min="4" max="4" width="3.875" style="367" customWidth="1"/>
    <col min="5" max="20" width="4.875" style="367" customWidth="1"/>
    <col min="21" max="28" width="4.875" style="452" customWidth="1"/>
    <col min="29" max="33" width="4.875" style="367" customWidth="1"/>
    <col min="34" max="34" width="5.625" style="367" customWidth="1"/>
    <col min="35" max="36" width="4.875" style="367" customWidth="1"/>
    <col min="37" max="37" width="4.625" style="367" customWidth="1"/>
    <col min="38" max="16384" width="9" style="369"/>
  </cols>
  <sheetData>
    <row r="1" spans="1:37" ht="18.75" customHeight="1" x14ac:dyDescent="0.15">
      <c r="A1" s="620" t="s">
        <v>213</v>
      </c>
      <c r="B1" s="366" t="s">
        <v>214</v>
      </c>
      <c r="D1" s="368"/>
      <c r="E1" s="368"/>
      <c r="F1" s="368"/>
      <c r="G1" s="368"/>
      <c r="H1" s="368"/>
      <c r="I1" s="368"/>
      <c r="J1" s="368"/>
      <c r="K1" s="368"/>
      <c r="L1" s="368"/>
      <c r="M1" s="368"/>
      <c r="N1" s="368"/>
      <c r="O1" s="368"/>
      <c r="P1" s="368"/>
      <c r="Q1" s="368"/>
      <c r="R1" s="368"/>
      <c r="S1" s="368"/>
      <c r="T1" s="368"/>
      <c r="U1" s="436"/>
      <c r="V1" s="436"/>
      <c r="W1" s="436"/>
      <c r="X1" s="436"/>
      <c r="Y1" s="436"/>
      <c r="Z1" s="436"/>
      <c r="AA1" s="436"/>
      <c r="AB1" s="436"/>
      <c r="AC1" s="368"/>
      <c r="AD1" s="368"/>
      <c r="AE1" s="368"/>
      <c r="AF1" s="621" t="s">
        <v>165</v>
      </c>
      <c r="AG1" s="621"/>
      <c r="AH1" s="621"/>
      <c r="AI1" s="621"/>
      <c r="AJ1" s="621"/>
      <c r="AK1" s="368"/>
    </row>
    <row r="2" spans="1:37" s="375" customFormat="1" ht="3.75" customHeight="1" thickBot="1" x14ac:dyDescent="0.2">
      <c r="A2" s="620"/>
      <c r="B2" s="370"/>
      <c r="C2" s="371"/>
      <c r="D2" s="371"/>
      <c r="E2" s="371"/>
      <c r="F2" s="371"/>
      <c r="G2" s="372"/>
      <c r="H2" s="622"/>
      <c r="I2" s="622"/>
      <c r="J2" s="622"/>
      <c r="K2" s="622"/>
      <c r="L2" s="622"/>
      <c r="M2" s="371"/>
      <c r="N2" s="371"/>
      <c r="O2" s="371"/>
      <c r="P2" s="622"/>
      <c r="Q2" s="622"/>
      <c r="R2" s="622"/>
      <c r="S2" s="622"/>
      <c r="T2" s="622"/>
      <c r="U2" s="437"/>
      <c r="V2" s="437"/>
      <c r="W2" s="437"/>
      <c r="X2" s="437"/>
      <c r="Y2" s="438"/>
      <c r="Z2" s="438"/>
      <c r="AA2" s="438"/>
      <c r="AB2" s="438"/>
      <c r="AC2" s="373"/>
      <c r="AD2" s="373"/>
      <c r="AE2" s="373"/>
      <c r="AF2" s="374"/>
      <c r="AG2" s="374"/>
      <c r="AH2" s="374"/>
      <c r="AI2" s="374"/>
      <c r="AJ2" s="374"/>
      <c r="AK2" s="372"/>
    </row>
    <row r="3" spans="1:37" s="375" customFormat="1" ht="6" customHeight="1" x14ac:dyDescent="0.15">
      <c r="A3" s="620"/>
      <c r="B3" s="376"/>
      <c r="C3" s="623"/>
      <c r="D3" s="624"/>
      <c r="E3" s="377"/>
      <c r="F3" s="378"/>
      <c r="G3" s="379"/>
      <c r="H3" s="380"/>
      <c r="I3" s="377"/>
      <c r="J3" s="380"/>
      <c r="K3" s="377"/>
      <c r="L3" s="380"/>
      <c r="M3" s="377"/>
      <c r="N3" s="380"/>
      <c r="O3" s="377"/>
      <c r="P3" s="380"/>
      <c r="Q3" s="377"/>
      <c r="R3" s="380"/>
      <c r="S3" s="377"/>
      <c r="T3" s="379"/>
      <c r="U3" s="377"/>
      <c r="V3" s="380"/>
      <c r="W3" s="377"/>
      <c r="X3" s="380"/>
      <c r="Y3" s="377"/>
      <c r="Z3" s="380"/>
      <c r="AA3" s="377"/>
      <c r="AB3" s="380"/>
      <c r="AC3" s="377"/>
      <c r="AD3" s="379"/>
      <c r="AE3" s="377"/>
      <c r="AF3" s="380"/>
      <c r="AG3" s="377"/>
      <c r="AH3" s="380"/>
      <c r="AI3" s="377"/>
      <c r="AJ3" s="379"/>
      <c r="AK3" s="373"/>
    </row>
    <row r="4" spans="1:37" s="375" customFormat="1" ht="10.5" customHeight="1" x14ac:dyDescent="0.15">
      <c r="A4" s="620"/>
      <c r="B4" s="370"/>
      <c r="C4" s="625"/>
      <c r="D4" s="626"/>
      <c r="E4" s="618" t="s">
        <v>78</v>
      </c>
      <c r="F4" s="629"/>
      <c r="G4" s="630" t="s">
        <v>79</v>
      </c>
      <c r="H4" s="631"/>
      <c r="I4" s="618" t="s">
        <v>80</v>
      </c>
      <c r="J4" s="631"/>
      <c r="K4" s="618" t="s">
        <v>166</v>
      </c>
      <c r="L4" s="631"/>
      <c r="M4" s="618" t="s">
        <v>82</v>
      </c>
      <c r="N4" s="632"/>
      <c r="O4" s="618" t="s">
        <v>167</v>
      </c>
      <c r="P4" s="632"/>
      <c r="Q4" s="618" t="s">
        <v>168</v>
      </c>
      <c r="R4" s="632"/>
      <c r="S4" s="618" t="s">
        <v>169</v>
      </c>
      <c r="T4" s="632"/>
      <c r="U4" s="618" t="s">
        <v>170</v>
      </c>
      <c r="V4" s="632"/>
      <c r="W4" s="633" t="s">
        <v>171</v>
      </c>
      <c r="X4" s="634"/>
      <c r="Y4" s="618" t="s">
        <v>172</v>
      </c>
      <c r="Z4" s="619"/>
      <c r="AA4" s="633" t="s">
        <v>173</v>
      </c>
      <c r="AB4" s="634"/>
      <c r="AC4" s="618" t="s">
        <v>174</v>
      </c>
      <c r="AD4" s="619"/>
      <c r="AE4" s="618" t="s">
        <v>91</v>
      </c>
      <c r="AF4" s="619"/>
      <c r="AG4" s="618" t="s">
        <v>175</v>
      </c>
      <c r="AH4" s="619"/>
      <c r="AI4" s="618" t="s">
        <v>93</v>
      </c>
      <c r="AJ4" s="637"/>
      <c r="AK4" s="439"/>
    </row>
    <row r="5" spans="1:37" s="375" customFormat="1" ht="10.5" customHeight="1" x14ac:dyDescent="0.15">
      <c r="A5" s="620"/>
      <c r="B5" s="370"/>
      <c r="C5" s="625"/>
      <c r="D5" s="626"/>
      <c r="E5" s="381"/>
      <c r="F5" s="382"/>
      <c r="G5" s="383"/>
      <c r="H5" s="384"/>
      <c r="I5" s="381"/>
      <c r="J5" s="384"/>
      <c r="K5" s="633" t="s">
        <v>176</v>
      </c>
      <c r="L5" s="634"/>
      <c r="M5" s="635"/>
      <c r="N5" s="632"/>
      <c r="O5" s="636" t="s">
        <v>177</v>
      </c>
      <c r="P5" s="632"/>
      <c r="Q5" s="618" t="s">
        <v>178</v>
      </c>
      <c r="R5" s="632"/>
      <c r="S5" s="618" t="s">
        <v>179</v>
      </c>
      <c r="T5" s="632"/>
      <c r="U5" s="618" t="s">
        <v>180</v>
      </c>
      <c r="V5" s="632"/>
      <c r="W5" s="633" t="s">
        <v>181</v>
      </c>
      <c r="X5" s="634"/>
      <c r="Y5" s="633" t="s">
        <v>182</v>
      </c>
      <c r="Z5" s="634"/>
      <c r="AA5" s="618" t="s">
        <v>183</v>
      </c>
      <c r="AB5" s="632"/>
      <c r="AC5" s="618" t="s">
        <v>184</v>
      </c>
      <c r="AD5" s="619"/>
      <c r="AE5" s="618"/>
      <c r="AF5" s="632"/>
      <c r="AG5" s="618" t="s">
        <v>185</v>
      </c>
      <c r="AH5" s="632"/>
      <c r="AI5" s="618"/>
      <c r="AJ5" s="638"/>
      <c r="AK5" s="367"/>
    </row>
    <row r="6" spans="1:37" s="386" customFormat="1" ht="15" customHeight="1" x14ac:dyDescent="0.15">
      <c r="A6" s="620"/>
      <c r="B6" s="385"/>
      <c r="C6" s="625"/>
      <c r="D6" s="626"/>
      <c r="E6" s="639" t="s">
        <v>186</v>
      </c>
      <c r="F6" s="640"/>
      <c r="G6" s="641" t="s">
        <v>186</v>
      </c>
      <c r="H6" s="642"/>
      <c r="I6" s="639" t="s">
        <v>186</v>
      </c>
      <c r="J6" s="642"/>
      <c r="K6" s="639" t="s">
        <v>186</v>
      </c>
      <c r="L6" s="642"/>
      <c r="M6" s="639" t="s">
        <v>186</v>
      </c>
      <c r="N6" s="642"/>
      <c r="O6" s="639" t="s">
        <v>186</v>
      </c>
      <c r="P6" s="642"/>
      <c r="Q6" s="639" t="s">
        <v>186</v>
      </c>
      <c r="R6" s="642"/>
      <c r="S6" s="639" t="s">
        <v>186</v>
      </c>
      <c r="T6" s="642"/>
      <c r="U6" s="639" t="s">
        <v>186</v>
      </c>
      <c r="V6" s="642"/>
      <c r="W6" s="639" t="s">
        <v>186</v>
      </c>
      <c r="X6" s="642"/>
      <c r="Y6" s="639" t="s">
        <v>186</v>
      </c>
      <c r="Z6" s="642"/>
      <c r="AA6" s="639" t="s">
        <v>186</v>
      </c>
      <c r="AB6" s="642"/>
      <c r="AC6" s="639" t="s">
        <v>186</v>
      </c>
      <c r="AD6" s="642"/>
      <c r="AE6" s="639" t="s">
        <v>186</v>
      </c>
      <c r="AF6" s="642"/>
      <c r="AG6" s="639" t="s">
        <v>186</v>
      </c>
      <c r="AH6" s="642"/>
      <c r="AI6" s="639" t="s">
        <v>186</v>
      </c>
      <c r="AJ6" s="641"/>
      <c r="AK6" s="440"/>
    </row>
    <row r="7" spans="1:37" s="375" customFormat="1" ht="7.5" customHeight="1" x14ac:dyDescent="0.15">
      <c r="A7" s="620"/>
      <c r="B7" s="387"/>
      <c r="C7" s="627"/>
      <c r="D7" s="628"/>
      <c r="E7" s="388"/>
      <c r="F7" s="389" t="s">
        <v>142</v>
      </c>
      <c r="G7" s="390"/>
      <c r="H7" s="391" t="s">
        <v>142</v>
      </c>
      <c r="I7" s="388"/>
      <c r="J7" s="391" t="s">
        <v>142</v>
      </c>
      <c r="K7" s="388"/>
      <c r="L7" s="391" t="s">
        <v>142</v>
      </c>
      <c r="M7" s="388"/>
      <c r="N7" s="391" t="s">
        <v>142</v>
      </c>
      <c r="O7" s="388"/>
      <c r="P7" s="391" t="s">
        <v>142</v>
      </c>
      <c r="Q7" s="388"/>
      <c r="R7" s="391" t="s">
        <v>142</v>
      </c>
      <c r="S7" s="388"/>
      <c r="T7" s="391" t="s">
        <v>142</v>
      </c>
      <c r="U7" s="388"/>
      <c r="V7" s="391" t="s">
        <v>142</v>
      </c>
      <c r="W7" s="388"/>
      <c r="X7" s="391" t="s">
        <v>142</v>
      </c>
      <c r="Y7" s="388"/>
      <c r="Z7" s="391" t="s">
        <v>142</v>
      </c>
      <c r="AA7" s="388"/>
      <c r="AB7" s="391" t="s">
        <v>142</v>
      </c>
      <c r="AC7" s="388"/>
      <c r="AD7" s="391" t="s">
        <v>142</v>
      </c>
      <c r="AE7" s="388"/>
      <c r="AF7" s="391" t="s">
        <v>142</v>
      </c>
      <c r="AG7" s="388"/>
      <c r="AH7" s="391" t="s">
        <v>142</v>
      </c>
      <c r="AI7" s="388"/>
      <c r="AJ7" s="392" t="s">
        <v>142</v>
      </c>
      <c r="AK7" s="441"/>
    </row>
    <row r="8" spans="1:37" s="375" customFormat="1" ht="11.25" customHeight="1" x14ac:dyDescent="0.15">
      <c r="A8" s="620"/>
      <c r="B8" s="644" t="s">
        <v>187</v>
      </c>
      <c r="C8" s="393"/>
      <c r="D8" s="442"/>
      <c r="E8" s="443"/>
      <c r="F8" s="444"/>
      <c r="G8" s="443"/>
      <c r="H8" s="443"/>
      <c r="I8" s="443"/>
      <c r="J8" s="443"/>
      <c r="K8" s="443"/>
      <c r="L8" s="443"/>
      <c r="M8" s="443"/>
      <c r="N8" s="443"/>
      <c r="O8" s="443"/>
      <c r="P8" s="443"/>
      <c r="Q8" s="443"/>
      <c r="R8" s="443"/>
      <c r="S8" s="443"/>
      <c r="T8" s="443"/>
      <c r="U8" s="443"/>
      <c r="V8" s="443"/>
      <c r="W8" s="443"/>
      <c r="X8" s="443"/>
      <c r="Y8" s="443"/>
      <c r="Z8" s="443"/>
      <c r="AA8" s="443"/>
      <c r="AB8" s="443"/>
      <c r="AC8" s="443"/>
      <c r="AD8" s="443"/>
      <c r="AE8" s="443"/>
      <c r="AF8" s="443"/>
      <c r="AG8" s="443"/>
      <c r="AH8" s="443"/>
      <c r="AI8" s="443"/>
      <c r="AJ8" s="443"/>
      <c r="AK8" s="443"/>
    </row>
    <row r="9" spans="1:37" s="375" customFormat="1" ht="13.5" customHeight="1" x14ac:dyDescent="0.15">
      <c r="A9" s="620"/>
      <c r="B9" s="645"/>
      <c r="C9" s="397" t="s">
        <v>188</v>
      </c>
      <c r="D9" s="398" t="s">
        <v>189</v>
      </c>
      <c r="E9" s="399">
        <v>96.6</v>
      </c>
      <c r="F9" s="400">
        <v>-3.6</v>
      </c>
      <c r="G9" s="399">
        <v>108.1</v>
      </c>
      <c r="H9" s="399">
        <v>2.5</v>
      </c>
      <c r="I9" s="399">
        <v>97.8</v>
      </c>
      <c r="J9" s="399">
        <v>-3.8</v>
      </c>
      <c r="K9" s="399">
        <v>101.7</v>
      </c>
      <c r="L9" s="399">
        <v>0.6</v>
      </c>
      <c r="M9" s="399">
        <v>105.1</v>
      </c>
      <c r="N9" s="399">
        <v>2</v>
      </c>
      <c r="O9" s="399">
        <v>89.6</v>
      </c>
      <c r="P9" s="399">
        <v>-5.3</v>
      </c>
      <c r="Q9" s="399">
        <v>92.8</v>
      </c>
      <c r="R9" s="399">
        <v>-2.8</v>
      </c>
      <c r="S9" s="399">
        <v>95.8</v>
      </c>
      <c r="T9" s="399">
        <v>-2.2999999999999998</v>
      </c>
      <c r="U9" s="399">
        <v>104.7</v>
      </c>
      <c r="V9" s="399">
        <v>-1.3</v>
      </c>
      <c r="W9" s="399">
        <v>101.9</v>
      </c>
      <c r="X9" s="399">
        <v>1.3</v>
      </c>
      <c r="Y9" s="399">
        <v>120</v>
      </c>
      <c r="Z9" s="399">
        <v>10.4</v>
      </c>
      <c r="AA9" s="399">
        <v>96.4</v>
      </c>
      <c r="AB9" s="399">
        <v>-6.5</v>
      </c>
      <c r="AC9" s="399">
        <v>86.7</v>
      </c>
      <c r="AD9" s="399">
        <v>-17.399999999999999</v>
      </c>
      <c r="AE9" s="399">
        <v>98.7</v>
      </c>
      <c r="AF9" s="399">
        <v>2.9</v>
      </c>
      <c r="AG9" s="399">
        <v>94.2</v>
      </c>
      <c r="AH9" s="399">
        <v>-6</v>
      </c>
      <c r="AI9" s="399">
        <v>96.5</v>
      </c>
      <c r="AJ9" s="399">
        <v>-6.6</v>
      </c>
      <c r="AK9" s="445"/>
    </row>
    <row r="10" spans="1:37" s="375" customFormat="1" ht="13.5" customHeight="1" x14ac:dyDescent="0.15">
      <c r="A10" s="620"/>
      <c r="B10" s="645"/>
      <c r="C10" s="397" t="s">
        <v>188</v>
      </c>
      <c r="D10" s="398" t="s">
        <v>190</v>
      </c>
      <c r="E10" s="401">
        <v>96.1</v>
      </c>
      <c r="F10" s="402">
        <v>-0.5</v>
      </c>
      <c r="G10" s="401">
        <v>108.4</v>
      </c>
      <c r="H10" s="401">
        <v>0.3</v>
      </c>
      <c r="I10" s="401">
        <v>103</v>
      </c>
      <c r="J10" s="401">
        <v>5.3</v>
      </c>
      <c r="K10" s="401">
        <v>98.9</v>
      </c>
      <c r="L10" s="401">
        <v>-2.8</v>
      </c>
      <c r="M10" s="401">
        <v>103.3</v>
      </c>
      <c r="N10" s="401">
        <v>-1.7</v>
      </c>
      <c r="O10" s="401">
        <v>90.1</v>
      </c>
      <c r="P10" s="401">
        <v>0.6</v>
      </c>
      <c r="Q10" s="401">
        <v>95.5</v>
      </c>
      <c r="R10" s="401">
        <v>2.9</v>
      </c>
      <c r="S10" s="401">
        <v>91.5</v>
      </c>
      <c r="T10" s="401">
        <v>-4.5</v>
      </c>
      <c r="U10" s="401">
        <v>106.8</v>
      </c>
      <c r="V10" s="401">
        <v>2</v>
      </c>
      <c r="W10" s="401">
        <v>96.8</v>
      </c>
      <c r="X10" s="401">
        <v>-5</v>
      </c>
      <c r="Y10" s="401">
        <v>126.4</v>
      </c>
      <c r="Z10" s="401">
        <v>5.3</v>
      </c>
      <c r="AA10" s="401">
        <v>96.2</v>
      </c>
      <c r="AB10" s="401">
        <v>-0.2</v>
      </c>
      <c r="AC10" s="401">
        <v>84.2</v>
      </c>
      <c r="AD10" s="401">
        <v>-2.9</v>
      </c>
      <c r="AE10" s="401">
        <v>96</v>
      </c>
      <c r="AF10" s="401">
        <v>-2.7</v>
      </c>
      <c r="AG10" s="401">
        <v>90.9</v>
      </c>
      <c r="AH10" s="401">
        <v>-3.5</v>
      </c>
      <c r="AI10" s="401">
        <v>91.2</v>
      </c>
      <c r="AJ10" s="401">
        <v>-5.5</v>
      </c>
      <c r="AK10" s="445"/>
    </row>
    <row r="11" spans="1:37" s="375" customFormat="1" ht="13.5" customHeight="1" x14ac:dyDescent="0.15">
      <c r="A11" s="620"/>
      <c r="B11" s="645"/>
      <c r="C11" s="397" t="s">
        <v>188</v>
      </c>
      <c r="D11" s="398" t="s">
        <v>191</v>
      </c>
      <c r="E11" s="399">
        <v>95.3</v>
      </c>
      <c r="F11" s="400">
        <v>-2.2000000000000002</v>
      </c>
      <c r="G11" s="399">
        <v>113.7</v>
      </c>
      <c r="H11" s="446">
        <v>4.5999999999999996</v>
      </c>
      <c r="I11" s="446">
        <v>100.3</v>
      </c>
      <c r="J11" s="446">
        <v>-3</v>
      </c>
      <c r="K11" s="446">
        <v>108.3</v>
      </c>
      <c r="L11" s="446">
        <v>9.1999999999999993</v>
      </c>
      <c r="M11" s="446">
        <v>100.6</v>
      </c>
      <c r="N11" s="446">
        <v>-2.9</v>
      </c>
      <c r="O11" s="446">
        <v>88.2</v>
      </c>
      <c r="P11" s="446">
        <v>-1.6</v>
      </c>
      <c r="Q11" s="446">
        <v>84.9</v>
      </c>
      <c r="R11" s="446">
        <v>-10.5</v>
      </c>
      <c r="S11" s="446">
        <v>91.1</v>
      </c>
      <c r="T11" s="446">
        <v>-0.7</v>
      </c>
      <c r="U11" s="446">
        <v>95.6</v>
      </c>
      <c r="V11" s="446">
        <v>-8.8000000000000007</v>
      </c>
      <c r="W11" s="446">
        <v>99.8</v>
      </c>
      <c r="X11" s="446">
        <v>0.6</v>
      </c>
      <c r="Y11" s="446">
        <v>104.8</v>
      </c>
      <c r="Z11" s="446">
        <v>-14.9</v>
      </c>
      <c r="AA11" s="446">
        <v>94.8</v>
      </c>
      <c r="AB11" s="446">
        <v>-0.7</v>
      </c>
      <c r="AC11" s="446">
        <v>85.8</v>
      </c>
      <c r="AD11" s="446">
        <v>-4.2</v>
      </c>
      <c r="AE11" s="446">
        <v>100</v>
      </c>
      <c r="AF11" s="446">
        <v>4.3</v>
      </c>
      <c r="AG11" s="446">
        <v>93.7</v>
      </c>
      <c r="AH11" s="446">
        <v>3.9</v>
      </c>
      <c r="AI11" s="446">
        <v>96.6</v>
      </c>
      <c r="AJ11" s="446">
        <v>5.7</v>
      </c>
      <c r="AK11" s="445"/>
    </row>
    <row r="12" spans="1:37" s="375" customFormat="1" ht="13.5" customHeight="1" x14ac:dyDescent="0.15">
      <c r="A12" s="620"/>
      <c r="B12" s="645"/>
      <c r="C12" s="397" t="s">
        <v>188</v>
      </c>
      <c r="D12" s="398" t="s">
        <v>192</v>
      </c>
      <c r="E12" s="401">
        <v>93.8</v>
      </c>
      <c r="F12" s="402">
        <v>-1.6</v>
      </c>
      <c r="G12" s="401">
        <v>99</v>
      </c>
      <c r="H12" s="401">
        <v>-12.9</v>
      </c>
      <c r="I12" s="401">
        <v>99.6</v>
      </c>
      <c r="J12" s="401">
        <v>-0.7</v>
      </c>
      <c r="K12" s="401">
        <v>99.6</v>
      </c>
      <c r="L12" s="401">
        <v>-8</v>
      </c>
      <c r="M12" s="401">
        <v>102.2</v>
      </c>
      <c r="N12" s="401">
        <v>1.6</v>
      </c>
      <c r="O12" s="401">
        <v>87.4</v>
      </c>
      <c r="P12" s="401">
        <v>-0.9</v>
      </c>
      <c r="Q12" s="401">
        <v>82.8</v>
      </c>
      <c r="R12" s="401">
        <v>-2.5</v>
      </c>
      <c r="S12" s="401">
        <v>101.4</v>
      </c>
      <c r="T12" s="401">
        <v>11.3</v>
      </c>
      <c r="U12" s="401">
        <v>97.3</v>
      </c>
      <c r="V12" s="401">
        <v>1.8</v>
      </c>
      <c r="W12" s="401">
        <v>95.4</v>
      </c>
      <c r="X12" s="401">
        <v>-4.4000000000000004</v>
      </c>
      <c r="Y12" s="401">
        <v>104.6</v>
      </c>
      <c r="Z12" s="401">
        <v>-0.2</v>
      </c>
      <c r="AA12" s="401">
        <v>101.3</v>
      </c>
      <c r="AB12" s="401">
        <v>6.9</v>
      </c>
      <c r="AC12" s="401">
        <v>93.7</v>
      </c>
      <c r="AD12" s="401">
        <v>9.1999999999999993</v>
      </c>
      <c r="AE12" s="401">
        <v>94.9</v>
      </c>
      <c r="AF12" s="401">
        <v>-5.0999999999999996</v>
      </c>
      <c r="AG12" s="401">
        <v>92.9</v>
      </c>
      <c r="AH12" s="401">
        <v>-0.9</v>
      </c>
      <c r="AI12" s="401">
        <v>99.3</v>
      </c>
      <c r="AJ12" s="401">
        <v>2.8</v>
      </c>
      <c r="AK12" s="445"/>
    </row>
    <row r="13" spans="1:37" s="375" customFormat="1" ht="13.5" customHeight="1" x14ac:dyDescent="0.15">
      <c r="A13" s="620"/>
      <c r="B13" s="645"/>
      <c r="C13" s="397"/>
      <c r="D13" s="398"/>
      <c r="E13" s="401"/>
      <c r="F13" s="402"/>
      <c r="G13" s="401"/>
      <c r="H13" s="401"/>
      <c r="I13" s="401"/>
      <c r="J13" s="401"/>
      <c r="K13" s="401"/>
      <c r="L13" s="401"/>
      <c r="M13" s="401"/>
      <c r="N13" s="401"/>
      <c r="O13" s="401"/>
      <c r="P13" s="401"/>
      <c r="Q13" s="401"/>
      <c r="R13" s="401"/>
      <c r="S13" s="401"/>
      <c r="T13" s="401"/>
      <c r="U13" s="401"/>
      <c r="V13" s="401"/>
      <c r="W13" s="401"/>
      <c r="X13" s="401"/>
      <c r="Y13" s="401"/>
      <c r="Z13" s="401"/>
      <c r="AA13" s="401"/>
      <c r="AB13" s="401"/>
      <c r="AC13" s="401"/>
      <c r="AD13" s="401"/>
      <c r="AE13" s="401"/>
      <c r="AF13" s="401"/>
      <c r="AG13" s="401"/>
      <c r="AH13" s="401"/>
      <c r="AI13" s="401"/>
      <c r="AJ13" s="401"/>
      <c r="AK13" s="445"/>
    </row>
    <row r="14" spans="1:37" s="375" customFormat="1" ht="15" customHeight="1" x14ac:dyDescent="0.15">
      <c r="A14" s="620"/>
      <c r="B14" s="645"/>
      <c r="C14" s="347" t="s">
        <v>193</v>
      </c>
      <c r="D14" s="398" t="s">
        <v>194</v>
      </c>
      <c r="E14" s="399">
        <v>91.9</v>
      </c>
      <c r="F14" s="400">
        <v>-2.8</v>
      </c>
      <c r="G14" s="399">
        <v>97.7</v>
      </c>
      <c r="H14" s="399">
        <v>-14.8</v>
      </c>
      <c r="I14" s="399">
        <v>97.5</v>
      </c>
      <c r="J14" s="399">
        <v>-2.2000000000000002</v>
      </c>
      <c r="K14" s="399">
        <v>92.3</v>
      </c>
      <c r="L14" s="399">
        <v>-13.4</v>
      </c>
      <c r="M14" s="399">
        <v>104</v>
      </c>
      <c r="N14" s="399">
        <v>2.2000000000000002</v>
      </c>
      <c r="O14" s="399">
        <v>88.3</v>
      </c>
      <c r="P14" s="399">
        <v>4.5</v>
      </c>
      <c r="Q14" s="399">
        <v>81.599999999999994</v>
      </c>
      <c r="R14" s="399">
        <v>-3.9</v>
      </c>
      <c r="S14" s="399">
        <v>99.6</v>
      </c>
      <c r="T14" s="399">
        <v>13.7</v>
      </c>
      <c r="U14" s="399">
        <v>94.9</v>
      </c>
      <c r="V14" s="399">
        <v>1.9</v>
      </c>
      <c r="W14" s="399">
        <v>92.2</v>
      </c>
      <c r="X14" s="399">
        <v>-5.6</v>
      </c>
      <c r="Y14" s="399">
        <v>102.5</v>
      </c>
      <c r="Z14" s="399">
        <v>-6.3</v>
      </c>
      <c r="AA14" s="399">
        <v>90.1</v>
      </c>
      <c r="AB14" s="399">
        <v>-7.1</v>
      </c>
      <c r="AC14" s="399">
        <v>91.4</v>
      </c>
      <c r="AD14" s="399">
        <v>5.8</v>
      </c>
      <c r="AE14" s="399">
        <v>92.6</v>
      </c>
      <c r="AF14" s="399">
        <v>-6.9</v>
      </c>
      <c r="AG14" s="399">
        <v>93.7</v>
      </c>
      <c r="AH14" s="399">
        <v>-6.3</v>
      </c>
      <c r="AI14" s="399">
        <v>97.6</v>
      </c>
      <c r="AJ14" s="399">
        <v>4.0999999999999996</v>
      </c>
      <c r="AK14" s="445"/>
    </row>
    <row r="15" spans="1:37" s="375" customFormat="1" ht="15" customHeight="1" x14ac:dyDescent="0.15">
      <c r="A15" s="620"/>
      <c r="B15" s="645"/>
      <c r="C15" s="397"/>
      <c r="D15" s="398" t="s">
        <v>195</v>
      </c>
      <c r="E15" s="401">
        <v>91.5</v>
      </c>
      <c r="F15" s="402">
        <v>-3.5</v>
      </c>
      <c r="G15" s="401">
        <v>99.2</v>
      </c>
      <c r="H15" s="401">
        <v>-15</v>
      </c>
      <c r="I15" s="401">
        <v>98.5</v>
      </c>
      <c r="J15" s="401">
        <v>-0.7</v>
      </c>
      <c r="K15" s="401">
        <v>93.3</v>
      </c>
      <c r="L15" s="401">
        <v>-13.4</v>
      </c>
      <c r="M15" s="401">
        <v>101.4</v>
      </c>
      <c r="N15" s="401">
        <v>2.7</v>
      </c>
      <c r="O15" s="401">
        <v>86</v>
      </c>
      <c r="P15" s="401">
        <v>2</v>
      </c>
      <c r="Q15" s="401">
        <v>78.400000000000006</v>
      </c>
      <c r="R15" s="401">
        <v>-6.9</v>
      </c>
      <c r="S15" s="401">
        <v>98</v>
      </c>
      <c r="T15" s="401">
        <v>13.3</v>
      </c>
      <c r="U15" s="401">
        <v>94.6</v>
      </c>
      <c r="V15" s="401">
        <v>1.9</v>
      </c>
      <c r="W15" s="401">
        <v>93.9</v>
      </c>
      <c r="X15" s="401">
        <v>-5.6</v>
      </c>
      <c r="Y15" s="401">
        <v>100.3</v>
      </c>
      <c r="Z15" s="401">
        <v>-15.6</v>
      </c>
      <c r="AA15" s="401">
        <v>87.1</v>
      </c>
      <c r="AB15" s="401">
        <v>-6.2</v>
      </c>
      <c r="AC15" s="401">
        <v>92.7</v>
      </c>
      <c r="AD15" s="401">
        <v>8.9</v>
      </c>
      <c r="AE15" s="401">
        <v>93.3</v>
      </c>
      <c r="AF15" s="401">
        <v>-5.8</v>
      </c>
      <c r="AG15" s="401">
        <v>93.2</v>
      </c>
      <c r="AH15" s="401">
        <v>0</v>
      </c>
      <c r="AI15" s="401">
        <v>96.5</v>
      </c>
      <c r="AJ15" s="401">
        <v>-1.1000000000000001</v>
      </c>
      <c r="AK15" s="445"/>
    </row>
    <row r="16" spans="1:37" s="375" customFormat="1" ht="15" customHeight="1" x14ac:dyDescent="0.15">
      <c r="A16" s="620"/>
      <c r="B16" s="645"/>
      <c r="C16" s="397"/>
      <c r="D16" s="398" t="s">
        <v>196</v>
      </c>
      <c r="E16" s="399">
        <v>92.7</v>
      </c>
      <c r="F16" s="400">
        <v>-2.4</v>
      </c>
      <c r="G16" s="399">
        <v>100</v>
      </c>
      <c r="H16" s="399">
        <v>-12.9</v>
      </c>
      <c r="I16" s="399">
        <v>98.1</v>
      </c>
      <c r="J16" s="399">
        <v>-2.2000000000000002</v>
      </c>
      <c r="K16" s="399">
        <v>101.9</v>
      </c>
      <c r="L16" s="399">
        <v>-7.2</v>
      </c>
      <c r="M16" s="399">
        <v>101.9</v>
      </c>
      <c r="N16" s="399">
        <v>2</v>
      </c>
      <c r="O16" s="399">
        <v>87.1</v>
      </c>
      <c r="P16" s="399">
        <v>-1.4</v>
      </c>
      <c r="Q16" s="399">
        <v>80.400000000000006</v>
      </c>
      <c r="R16" s="399">
        <v>-5.3</v>
      </c>
      <c r="S16" s="399">
        <v>99.9</v>
      </c>
      <c r="T16" s="399">
        <v>16.7</v>
      </c>
      <c r="U16" s="399">
        <v>94.4</v>
      </c>
      <c r="V16" s="399">
        <v>-1.5</v>
      </c>
      <c r="W16" s="399">
        <v>94.5</v>
      </c>
      <c r="X16" s="399">
        <v>-5.2</v>
      </c>
      <c r="Y16" s="399">
        <v>105.6</v>
      </c>
      <c r="Z16" s="399">
        <v>0</v>
      </c>
      <c r="AA16" s="399">
        <v>92.1</v>
      </c>
      <c r="AB16" s="399">
        <v>-0.8</v>
      </c>
      <c r="AC16" s="399">
        <v>93.4</v>
      </c>
      <c r="AD16" s="399">
        <v>13.6</v>
      </c>
      <c r="AE16" s="399">
        <v>94.4</v>
      </c>
      <c r="AF16" s="399">
        <v>-6.3</v>
      </c>
      <c r="AG16" s="399">
        <v>91.6</v>
      </c>
      <c r="AH16" s="399">
        <v>1.6</v>
      </c>
      <c r="AI16" s="399">
        <v>98.8</v>
      </c>
      <c r="AJ16" s="399">
        <v>1.6</v>
      </c>
      <c r="AK16" s="445"/>
    </row>
    <row r="17" spans="1:37" s="375" customFormat="1" ht="15" customHeight="1" x14ac:dyDescent="0.15">
      <c r="A17" s="620"/>
      <c r="B17" s="645"/>
      <c r="C17" s="397"/>
      <c r="D17" s="398" t="s">
        <v>197</v>
      </c>
      <c r="E17" s="401">
        <v>94.2</v>
      </c>
      <c r="F17" s="402">
        <v>-2.6</v>
      </c>
      <c r="G17" s="401">
        <v>101.3</v>
      </c>
      <c r="H17" s="401">
        <v>-13.5</v>
      </c>
      <c r="I17" s="401">
        <v>100.3</v>
      </c>
      <c r="J17" s="401">
        <v>-0.2</v>
      </c>
      <c r="K17" s="401">
        <v>89.7</v>
      </c>
      <c r="L17" s="401">
        <v>-18.399999999999999</v>
      </c>
      <c r="M17" s="401">
        <v>103.6</v>
      </c>
      <c r="N17" s="401">
        <v>1.2</v>
      </c>
      <c r="O17" s="401">
        <v>88.3</v>
      </c>
      <c r="P17" s="401">
        <v>-0.3</v>
      </c>
      <c r="Q17" s="401">
        <v>80.8</v>
      </c>
      <c r="R17" s="401">
        <v>-6.2</v>
      </c>
      <c r="S17" s="401">
        <v>100.3</v>
      </c>
      <c r="T17" s="401">
        <v>9.9</v>
      </c>
      <c r="U17" s="401">
        <v>100.3</v>
      </c>
      <c r="V17" s="401">
        <v>0.7</v>
      </c>
      <c r="W17" s="401">
        <v>95.9</v>
      </c>
      <c r="X17" s="401">
        <v>-4.2</v>
      </c>
      <c r="Y17" s="401">
        <v>105.2</v>
      </c>
      <c r="Z17" s="401">
        <v>-11</v>
      </c>
      <c r="AA17" s="401">
        <v>92.3</v>
      </c>
      <c r="AB17" s="401">
        <v>-4.4000000000000004</v>
      </c>
      <c r="AC17" s="401">
        <v>96</v>
      </c>
      <c r="AD17" s="401">
        <v>12.7</v>
      </c>
      <c r="AE17" s="401">
        <v>97.4</v>
      </c>
      <c r="AF17" s="401">
        <v>-4.4000000000000004</v>
      </c>
      <c r="AG17" s="401">
        <v>93</v>
      </c>
      <c r="AH17" s="401">
        <v>-0.4</v>
      </c>
      <c r="AI17" s="401">
        <v>98.8</v>
      </c>
      <c r="AJ17" s="401">
        <v>2.5</v>
      </c>
      <c r="AK17" s="445"/>
    </row>
    <row r="18" spans="1:37" s="375" customFormat="1" ht="15" customHeight="1" x14ac:dyDescent="0.15">
      <c r="A18" s="620"/>
      <c r="B18" s="645"/>
      <c r="C18" s="397"/>
      <c r="D18" s="398" t="s">
        <v>198</v>
      </c>
      <c r="E18" s="399">
        <v>93.4</v>
      </c>
      <c r="F18" s="400">
        <v>-2.4</v>
      </c>
      <c r="G18" s="399">
        <v>99.7</v>
      </c>
      <c r="H18" s="399">
        <v>-13.8</v>
      </c>
      <c r="I18" s="399">
        <v>98.6</v>
      </c>
      <c r="J18" s="399">
        <v>-1.1000000000000001</v>
      </c>
      <c r="K18" s="399">
        <v>95.3</v>
      </c>
      <c r="L18" s="399">
        <v>-12.8</v>
      </c>
      <c r="M18" s="399">
        <v>100.9</v>
      </c>
      <c r="N18" s="399">
        <v>-2.6</v>
      </c>
      <c r="O18" s="399">
        <v>87.7</v>
      </c>
      <c r="P18" s="399">
        <v>-0.9</v>
      </c>
      <c r="Q18" s="399">
        <v>82.4</v>
      </c>
      <c r="R18" s="399">
        <v>-2.6</v>
      </c>
      <c r="S18" s="399">
        <v>104.2</v>
      </c>
      <c r="T18" s="399">
        <v>14.8</v>
      </c>
      <c r="U18" s="399">
        <v>96</v>
      </c>
      <c r="V18" s="399">
        <v>1.2</v>
      </c>
      <c r="W18" s="399">
        <v>93.7</v>
      </c>
      <c r="X18" s="399">
        <v>-5.4</v>
      </c>
      <c r="Y18" s="399">
        <v>106.3</v>
      </c>
      <c r="Z18" s="399">
        <v>3.6</v>
      </c>
      <c r="AA18" s="399">
        <v>95.4</v>
      </c>
      <c r="AB18" s="399">
        <v>2</v>
      </c>
      <c r="AC18" s="399">
        <v>92.2</v>
      </c>
      <c r="AD18" s="399">
        <v>5.4</v>
      </c>
      <c r="AE18" s="399">
        <v>95.7</v>
      </c>
      <c r="AF18" s="399">
        <v>-5.2</v>
      </c>
      <c r="AG18" s="399">
        <v>94</v>
      </c>
      <c r="AH18" s="399">
        <v>-0.9</v>
      </c>
      <c r="AI18" s="399">
        <v>98.2</v>
      </c>
      <c r="AJ18" s="399">
        <v>1.9</v>
      </c>
      <c r="AK18" s="445"/>
    </row>
    <row r="19" spans="1:37" s="375" customFormat="1" ht="15" customHeight="1" x14ac:dyDescent="0.15">
      <c r="A19" s="620"/>
      <c r="B19" s="645"/>
      <c r="C19" s="397"/>
      <c r="D19" s="398" t="s">
        <v>199</v>
      </c>
      <c r="E19" s="401">
        <v>94.5</v>
      </c>
      <c r="F19" s="402">
        <v>-2.1</v>
      </c>
      <c r="G19" s="401">
        <v>100.5</v>
      </c>
      <c r="H19" s="401">
        <v>-13.6</v>
      </c>
      <c r="I19" s="401">
        <v>100.6</v>
      </c>
      <c r="J19" s="401">
        <v>-0.2</v>
      </c>
      <c r="K19" s="401">
        <v>106.7</v>
      </c>
      <c r="L19" s="401">
        <v>-2.6</v>
      </c>
      <c r="M19" s="401">
        <v>103.2</v>
      </c>
      <c r="N19" s="401">
        <v>1.8</v>
      </c>
      <c r="O19" s="401">
        <v>89.6</v>
      </c>
      <c r="P19" s="401">
        <v>-0.3</v>
      </c>
      <c r="Q19" s="401">
        <v>84</v>
      </c>
      <c r="R19" s="401">
        <v>-1.4</v>
      </c>
      <c r="S19" s="401">
        <v>100.8</v>
      </c>
      <c r="T19" s="401">
        <v>10.8</v>
      </c>
      <c r="U19" s="401">
        <v>98</v>
      </c>
      <c r="V19" s="401">
        <v>5.8</v>
      </c>
      <c r="W19" s="401">
        <v>95.1</v>
      </c>
      <c r="X19" s="401">
        <v>-4.4000000000000004</v>
      </c>
      <c r="Y19" s="401">
        <v>101.3</v>
      </c>
      <c r="Z19" s="401">
        <v>-3</v>
      </c>
      <c r="AA19" s="401">
        <v>103.9</v>
      </c>
      <c r="AB19" s="401">
        <v>11.4</v>
      </c>
      <c r="AC19" s="401">
        <v>92.1</v>
      </c>
      <c r="AD19" s="401">
        <v>6</v>
      </c>
      <c r="AE19" s="401">
        <v>96.3</v>
      </c>
      <c r="AF19" s="401">
        <v>-8</v>
      </c>
      <c r="AG19" s="401">
        <v>93.3</v>
      </c>
      <c r="AH19" s="401">
        <v>-1.7</v>
      </c>
      <c r="AI19" s="401">
        <v>98.1</v>
      </c>
      <c r="AJ19" s="401">
        <v>0.9</v>
      </c>
      <c r="AK19" s="445"/>
    </row>
    <row r="20" spans="1:37" s="375" customFormat="1" ht="15" customHeight="1" x14ac:dyDescent="0.15">
      <c r="A20" s="620"/>
      <c r="B20" s="645"/>
      <c r="C20" s="397"/>
      <c r="D20" s="398" t="s">
        <v>200</v>
      </c>
      <c r="E20" s="399">
        <v>94.7</v>
      </c>
      <c r="F20" s="400">
        <v>-0.9</v>
      </c>
      <c r="G20" s="399">
        <v>98.4</v>
      </c>
      <c r="H20" s="399">
        <v>-9.8000000000000007</v>
      </c>
      <c r="I20" s="399">
        <v>100.8</v>
      </c>
      <c r="J20" s="399">
        <v>-0.6</v>
      </c>
      <c r="K20" s="399">
        <v>98.3</v>
      </c>
      <c r="L20" s="399">
        <v>-8</v>
      </c>
      <c r="M20" s="399">
        <v>99.7</v>
      </c>
      <c r="N20" s="399">
        <v>-0.2</v>
      </c>
      <c r="O20" s="399">
        <v>87.5</v>
      </c>
      <c r="P20" s="399">
        <v>-1.6</v>
      </c>
      <c r="Q20" s="399">
        <v>83.5</v>
      </c>
      <c r="R20" s="399">
        <v>-2.5</v>
      </c>
      <c r="S20" s="399">
        <v>104.1</v>
      </c>
      <c r="T20" s="399">
        <v>9.1999999999999993</v>
      </c>
      <c r="U20" s="399">
        <v>100.9</v>
      </c>
      <c r="V20" s="399">
        <v>6.1</v>
      </c>
      <c r="W20" s="399">
        <v>97.3</v>
      </c>
      <c r="X20" s="399">
        <v>-3.4</v>
      </c>
      <c r="Y20" s="399">
        <v>104.8</v>
      </c>
      <c r="Z20" s="399">
        <v>1.1000000000000001</v>
      </c>
      <c r="AA20" s="399">
        <v>108.3</v>
      </c>
      <c r="AB20" s="399">
        <v>14.6</v>
      </c>
      <c r="AC20" s="399">
        <v>94.6</v>
      </c>
      <c r="AD20" s="399">
        <v>8.4</v>
      </c>
      <c r="AE20" s="399">
        <v>95.5</v>
      </c>
      <c r="AF20" s="399">
        <v>-5</v>
      </c>
      <c r="AG20" s="399">
        <v>93</v>
      </c>
      <c r="AH20" s="399">
        <v>-1.3</v>
      </c>
      <c r="AI20" s="399">
        <v>100.8</v>
      </c>
      <c r="AJ20" s="399">
        <v>2.8</v>
      </c>
      <c r="AK20" s="445"/>
    </row>
    <row r="21" spans="1:37" s="375" customFormat="1" ht="15" customHeight="1" x14ac:dyDescent="0.15">
      <c r="A21" s="620"/>
      <c r="B21" s="645"/>
      <c r="C21" s="397"/>
      <c r="D21" s="398" t="s">
        <v>201</v>
      </c>
      <c r="E21" s="401">
        <v>93.7</v>
      </c>
      <c r="F21" s="402">
        <v>-1.5</v>
      </c>
      <c r="G21" s="401">
        <v>97.6</v>
      </c>
      <c r="H21" s="401">
        <v>-8.8000000000000007</v>
      </c>
      <c r="I21" s="401">
        <v>99.8</v>
      </c>
      <c r="J21" s="401">
        <v>-0.6</v>
      </c>
      <c r="K21" s="401">
        <v>110.1</v>
      </c>
      <c r="L21" s="401">
        <v>1</v>
      </c>
      <c r="M21" s="401">
        <v>103.2</v>
      </c>
      <c r="N21" s="401">
        <v>1.7</v>
      </c>
      <c r="O21" s="401">
        <v>84.9</v>
      </c>
      <c r="P21" s="401">
        <v>-4.7</v>
      </c>
      <c r="Q21" s="401">
        <v>82.4</v>
      </c>
      <c r="R21" s="401">
        <v>-4.4000000000000004</v>
      </c>
      <c r="S21" s="401">
        <v>99.3</v>
      </c>
      <c r="T21" s="401">
        <v>6.7</v>
      </c>
      <c r="U21" s="401">
        <v>95.4</v>
      </c>
      <c r="V21" s="401">
        <v>-0.8</v>
      </c>
      <c r="W21" s="401">
        <v>96.4</v>
      </c>
      <c r="X21" s="401">
        <v>-3</v>
      </c>
      <c r="Y21" s="401">
        <v>106.6</v>
      </c>
      <c r="Z21" s="401">
        <v>6.2</v>
      </c>
      <c r="AA21" s="401">
        <v>112.8</v>
      </c>
      <c r="AB21" s="401">
        <v>19.100000000000001</v>
      </c>
      <c r="AC21" s="401">
        <v>91.9</v>
      </c>
      <c r="AD21" s="401">
        <v>9.5</v>
      </c>
      <c r="AE21" s="401">
        <v>94.4</v>
      </c>
      <c r="AF21" s="401">
        <v>-6.4</v>
      </c>
      <c r="AG21" s="401">
        <v>93.1</v>
      </c>
      <c r="AH21" s="401">
        <v>0.6</v>
      </c>
      <c r="AI21" s="401">
        <v>100.2</v>
      </c>
      <c r="AJ21" s="401">
        <v>3.9</v>
      </c>
      <c r="AK21" s="445"/>
    </row>
    <row r="22" spans="1:37" s="375" customFormat="1" ht="15" customHeight="1" x14ac:dyDescent="0.15">
      <c r="A22" s="620"/>
      <c r="B22" s="645"/>
      <c r="C22" s="397"/>
      <c r="D22" s="398" t="s">
        <v>202</v>
      </c>
      <c r="E22" s="399">
        <v>94.2</v>
      </c>
      <c r="F22" s="400">
        <v>-1.6</v>
      </c>
      <c r="G22" s="399">
        <v>99.7</v>
      </c>
      <c r="H22" s="399">
        <v>-12.6</v>
      </c>
      <c r="I22" s="399">
        <v>100.1</v>
      </c>
      <c r="J22" s="399">
        <v>-0.9</v>
      </c>
      <c r="K22" s="399">
        <v>95.5</v>
      </c>
      <c r="L22" s="399">
        <v>-13.1</v>
      </c>
      <c r="M22" s="399">
        <v>101.7</v>
      </c>
      <c r="N22" s="399">
        <v>1.9</v>
      </c>
      <c r="O22" s="399">
        <v>87.6</v>
      </c>
      <c r="P22" s="399">
        <v>-1.7</v>
      </c>
      <c r="Q22" s="399">
        <v>84</v>
      </c>
      <c r="R22" s="399">
        <v>-2.6</v>
      </c>
      <c r="S22" s="399">
        <v>101.5</v>
      </c>
      <c r="T22" s="399">
        <v>9.4</v>
      </c>
      <c r="U22" s="399">
        <v>93.5</v>
      </c>
      <c r="V22" s="399">
        <v>-8.6</v>
      </c>
      <c r="W22" s="399">
        <v>97.5</v>
      </c>
      <c r="X22" s="399">
        <v>-3.4</v>
      </c>
      <c r="Y22" s="399">
        <v>104</v>
      </c>
      <c r="Z22" s="399">
        <v>5.6</v>
      </c>
      <c r="AA22" s="399">
        <v>112.6</v>
      </c>
      <c r="AB22" s="399">
        <v>17.899999999999999</v>
      </c>
      <c r="AC22" s="399">
        <v>92.7</v>
      </c>
      <c r="AD22" s="399">
        <v>9.1</v>
      </c>
      <c r="AE22" s="399">
        <v>94.5</v>
      </c>
      <c r="AF22" s="399">
        <v>-4.4000000000000004</v>
      </c>
      <c r="AG22" s="399">
        <v>91.7</v>
      </c>
      <c r="AH22" s="399">
        <v>-5.2</v>
      </c>
      <c r="AI22" s="399">
        <v>99.4</v>
      </c>
      <c r="AJ22" s="399">
        <v>1.1000000000000001</v>
      </c>
      <c r="AK22" s="445"/>
    </row>
    <row r="23" spans="1:37" s="375" customFormat="1" ht="15" customHeight="1" x14ac:dyDescent="0.15">
      <c r="A23" s="620"/>
      <c r="B23" s="645"/>
      <c r="C23" s="397"/>
      <c r="D23" s="398" t="s">
        <v>203</v>
      </c>
      <c r="E23" s="401">
        <v>95.8</v>
      </c>
      <c r="F23" s="402">
        <v>0.9</v>
      </c>
      <c r="G23" s="401">
        <v>100.9</v>
      </c>
      <c r="H23" s="401">
        <v>-11.1</v>
      </c>
      <c r="I23" s="401">
        <v>101.2</v>
      </c>
      <c r="J23" s="401">
        <v>0.3</v>
      </c>
      <c r="K23" s="401">
        <v>112.4</v>
      </c>
      <c r="L23" s="401">
        <v>2.7</v>
      </c>
      <c r="M23" s="401">
        <v>102.7</v>
      </c>
      <c r="N23" s="401">
        <v>2.6</v>
      </c>
      <c r="O23" s="401">
        <v>88.9</v>
      </c>
      <c r="P23" s="401">
        <v>-2</v>
      </c>
      <c r="Q23" s="401">
        <v>85.9</v>
      </c>
      <c r="R23" s="401">
        <v>0</v>
      </c>
      <c r="S23" s="401">
        <v>104.3</v>
      </c>
      <c r="T23" s="401">
        <v>9.9</v>
      </c>
      <c r="U23" s="401">
        <v>99.8</v>
      </c>
      <c r="V23" s="401">
        <v>2.7</v>
      </c>
      <c r="W23" s="401">
        <v>97.6</v>
      </c>
      <c r="X23" s="401">
        <v>-3.2</v>
      </c>
      <c r="Y23" s="401">
        <v>105.9</v>
      </c>
      <c r="Z23" s="401">
        <v>7.3</v>
      </c>
      <c r="AA23" s="401">
        <v>110</v>
      </c>
      <c r="AB23" s="401">
        <v>14.9</v>
      </c>
      <c r="AC23" s="401">
        <v>97.1</v>
      </c>
      <c r="AD23" s="401">
        <v>11.2</v>
      </c>
      <c r="AE23" s="401">
        <v>95.9</v>
      </c>
      <c r="AF23" s="401">
        <v>1.7</v>
      </c>
      <c r="AG23" s="401">
        <v>91.8</v>
      </c>
      <c r="AH23" s="401">
        <v>1.8</v>
      </c>
      <c r="AI23" s="401">
        <v>101.7</v>
      </c>
      <c r="AJ23" s="401">
        <v>4.0999999999999996</v>
      </c>
      <c r="AK23" s="445"/>
    </row>
    <row r="24" spans="1:37" s="375" customFormat="1" ht="15" customHeight="1" x14ac:dyDescent="0.15">
      <c r="A24" s="620"/>
      <c r="B24" s="645"/>
      <c r="C24" s="397"/>
      <c r="D24" s="398" t="s">
        <v>204</v>
      </c>
      <c r="E24" s="399">
        <v>93.9</v>
      </c>
      <c r="F24" s="400">
        <v>-0.7</v>
      </c>
      <c r="G24" s="399">
        <v>98.4</v>
      </c>
      <c r="H24" s="399">
        <v>-13.8</v>
      </c>
      <c r="I24" s="399">
        <v>100.4</v>
      </c>
      <c r="J24" s="399">
        <v>-0.3</v>
      </c>
      <c r="K24" s="399">
        <v>93.9</v>
      </c>
      <c r="L24" s="399">
        <v>-12.1</v>
      </c>
      <c r="M24" s="399">
        <v>102.3</v>
      </c>
      <c r="N24" s="399">
        <v>2.9</v>
      </c>
      <c r="O24" s="399">
        <v>85.7</v>
      </c>
      <c r="P24" s="399">
        <v>-4.2</v>
      </c>
      <c r="Q24" s="399">
        <v>83.9</v>
      </c>
      <c r="R24" s="399">
        <v>1.9</v>
      </c>
      <c r="S24" s="399">
        <v>105</v>
      </c>
      <c r="T24" s="399">
        <v>13.6</v>
      </c>
      <c r="U24" s="399">
        <v>98.6</v>
      </c>
      <c r="V24" s="399">
        <v>5.8</v>
      </c>
      <c r="W24" s="399">
        <v>95.2</v>
      </c>
      <c r="X24" s="399">
        <v>-5.0999999999999996</v>
      </c>
      <c r="Y24" s="399">
        <v>105.6</v>
      </c>
      <c r="Z24" s="399">
        <v>8.1</v>
      </c>
      <c r="AA24" s="399">
        <v>104.9</v>
      </c>
      <c r="AB24" s="399">
        <v>9.8000000000000007</v>
      </c>
      <c r="AC24" s="399">
        <v>92.7</v>
      </c>
      <c r="AD24" s="399">
        <v>7.3</v>
      </c>
      <c r="AE24" s="399">
        <v>94.8</v>
      </c>
      <c r="AF24" s="399">
        <v>-5.5</v>
      </c>
      <c r="AG24" s="399">
        <v>91.7</v>
      </c>
      <c r="AH24" s="399">
        <v>-1.7</v>
      </c>
      <c r="AI24" s="399">
        <v>100.9</v>
      </c>
      <c r="AJ24" s="399">
        <v>6.4</v>
      </c>
      <c r="AK24" s="445"/>
    </row>
    <row r="25" spans="1:37" s="375" customFormat="1" ht="15" customHeight="1" x14ac:dyDescent="0.15">
      <c r="A25" s="620"/>
      <c r="B25" s="645"/>
      <c r="C25" s="397"/>
      <c r="D25" s="398" t="s">
        <v>205</v>
      </c>
      <c r="E25" s="401">
        <v>94.5</v>
      </c>
      <c r="F25" s="402">
        <v>0.4</v>
      </c>
      <c r="G25" s="401">
        <v>95.3</v>
      </c>
      <c r="H25" s="401">
        <v>-14.6</v>
      </c>
      <c r="I25" s="401">
        <v>100</v>
      </c>
      <c r="J25" s="401">
        <v>0.6</v>
      </c>
      <c r="K25" s="401">
        <v>106.1</v>
      </c>
      <c r="L25" s="401">
        <v>0.8</v>
      </c>
      <c r="M25" s="401">
        <v>101.6</v>
      </c>
      <c r="N25" s="401">
        <v>2.4</v>
      </c>
      <c r="O25" s="401">
        <v>87.2</v>
      </c>
      <c r="P25" s="401">
        <v>-0.2</v>
      </c>
      <c r="Q25" s="401">
        <v>86.3</v>
      </c>
      <c r="R25" s="401">
        <v>4.5</v>
      </c>
      <c r="S25" s="401">
        <v>99.1</v>
      </c>
      <c r="T25" s="401">
        <v>8</v>
      </c>
      <c r="U25" s="401">
        <v>101.3</v>
      </c>
      <c r="V25" s="401">
        <v>6.5</v>
      </c>
      <c r="W25" s="401">
        <v>95.9</v>
      </c>
      <c r="X25" s="401">
        <v>-4.8</v>
      </c>
      <c r="Y25" s="401">
        <v>107.1</v>
      </c>
      <c r="Z25" s="401">
        <v>6.1</v>
      </c>
      <c r="AA25" s="401">
        <v>105.2</v>
      </c>
      <c r="AB25" s="401">
        <v>9.5</v>
      </c>
      <c r="AC25" s="401">
        <v>97.2</v>
      </c>
      <c r="AD25" s="401">
        <v>12.6</v>
      </c>
      <c r="AE25" s="401">
        <v>94.5</v>
      </c>
      <c r="AF25" s="401">
        <v>-4.4000000000000004</v>
      </c>
      <c r="AG25" s="401">
        <v>94.8</v>
      </c>
      <c r="AH25" s="401">
        <v>3.2</v>
      </c>
      <c r="AI25" s="401">
        <v>100.9</v>
      </c>
      <c r="AJ25" s="401">
        <v>5.7</v>
      </c>
      <c r="AK25" s="445"/>
    </row>
    <row r="26" spans="1:37" s="375" customFormat="1" ht="13.5" customHeight="1" x14ac:dyDescent="0.15">
      <c r="A26" s="620"/>
      <c r="B26" s="645"/>
      <c r="C26" s="397"/>
      <c r="D26" s="398"/>
      <c r="E26" s="401"/>
      <c r="F26" s="402"/>
      <c r="G26" s="401"/>
      <c r="H26" s="401"/>
      <c r="I26" s="401"/>
      <c r="J26" s="401"/>
      <c r="K26" s="401"/>
      <c r="L26" s="401"/>
      <c r="M26" s="401"/>
      <c r="N26" s="401"/>
      <c r="O26" s="401"/>
      <c r="P26" s="401"/>
      <c r="Q26" s="401"/>
      <c r="R26" s="401"/>
      <c r="S26" s="401"/>
      <c r="T26" s="401"/>
      <c r="U26" s="401"/>
      <c r="V26" s="401"/>
      <c r="W26" s="401"/>
      <c r="X26" s="401"/>
      <c r="Y26" s="401"/>
      <c r="Z26" s="401"/>
      <c r="AA26" s="401"/>
      <c r="AB26" s="401"/>
      <c r="AC26" s="401"/>
      <c r="AD26" s="401"/>
      <c r="AE26" s="401"/>
      <c r="AF26" s="401"/>
      <c r="AG26" s="401"/>
      <c r="AH26" s="401"/>
      <c r="AI26" s="401"/>
      <c r="AJ26" s="401"/>
      <c r="AK26" s="445"/>
    </row>
    <row r="27" spans="1:37" s="375" customFormat="1" ht="14.25" customHeight="1" x14ac:dyDescent="0.15">
      <c r="A27" s="620"/>
      <c r="B27" s="645"/>
      <c r="C27" s="347" t="s">
        <v>206</v>
      </c>
      <c r="D27" s="398" t="s">
        <v>194</v>
      </c>
      <c r="E27" s="399">
        <v>93.6</v>
      </c>
      <c r="F27" s="400">
        <v>1.8</v>
      </c>
      <c r="G27" s="399">
        <v>101.5</v>
      </c>
      <c r="H27" s="399">
        <v>3.9</v>
      </c>
      <c r="I27" s="399">
        <v>95.1</v>
      </c>
      <c r="J27" s="399">
        <v>-2.5</v>
      </c>
      <c r="K27" s="399">
        <v>97.7</v>
      </c>
      <c r="L27" s="399">
        <v>5.9</v>
      </c>
      <c r="M27" s="399">
        <v>102.4</v>
      </c>
      <c r="N27" s="399">
        <v>-1.5</v>
      </c>
      <c r="O27" s="399">
        <v>84.2</v>
      </c>
      <c r="P27" s="399">
        <v>-4.5999999999999996</v>
      </c>
      <c r="Q27" s="399">
        <v>88.8</v>
      </c>
      <c r="R27" s="399">
        <v>8.8000000000000007</v>
      </c>
      <c r="S27" s="399">
        <v>102.9</v>
      </c>
      <c r="T27" s="399">
        <v>3.3</v>
      </c>
      <c r="U27" s="399">
        <v>100.6</v>
      </c>
      <c r="V27" s="399">
        <v>6</v>
      </c>
      <c r="W27" s="399">
        <v>93.1</v>
      </c>
      <c r="X27" s="399">
        <v>1</v>
      </c>
      <c r="Y27" s="399">
        <v>110.8</v>
      </c>
      <c r="Z27" s="399">
        <v>8.1</v>
      </c>
      <c r="AA27" s="399">
        <v>108.2</v>
      </c>
      <c r="AB27" s="399">
        <v>20.100000000000001</v>
      </c>
      <c r="AC27" s="399">
        <v>95.6</v>
      </c>
      <c r="AD27" s="399">
        <v>4.5999999999999996</v>
      </c>
      <c r="AE27" s="399">
        <v>91.4</v>
      </c>
      <c r="AF27" s="399">
        <v>-1.3</v>
      </c>
      <c r="AG27" s="399">
        <v>99.9</v>
      </c>
      <c r="AH27" s="399">
        <v>6.6</v>
      </c>
      <c r="AI27" s="399">
        <v>99.7</v>
      </c>
      <c r="AJ27" s="399">
        <v>2.2000000000000002</v>
      </c>
      <c r="AK27" s="445"/>
    </row>
    <row r="28" spans="1:37" s="375" customFormat="1" ht="11.25" customHeight="1" x14ac:dyDescent="0.15">
      <c r="A28" s="620"/>
      <c r="B28" s="646"/>
      <c r="C28" s="405"/>
      <c r="D28" s="406"/>
      <c r="E28" s="401"/>
      <c r="F28" s="402"/>
      <c r="G28" s="401"/>
      <c r="H28" s="401"/>
      <c r="I28" s="401"/>
      <c r="J28" s="401"/>
      <c r="K28" s="401"/>
      <c r="L28" s="401"/>
      <c r="M28" s="401"/>
      <c r="N28" s="401"/>
      <c r="O28" s="401"/>
      <c r="P28" s="401"/>
      <c r="Q28" s="401"/>
      <c r="R28" s="401"/>
      <c r="S28" s="401"/>
      <c r="T28" s="401"/>
      <c r="U28" s="401"/>
      <c r="V28" s="401"/>
      <c r="W28" s="401"/>
      <c r="X28" s="401"/>
      <c r="Y28" s="401"/>
      <c r="Z28" s="401"/>
      <c r="AA28" s="401"/>
      <c r="AB28" s="401"/>
      <c r="AC28" s="401"/>
      <c r="AD28" s="401"/>
      <c r="AE28" s="401"/>
      <c r="AF28" s="401"/>
      <c r="AG28" s="401"/>
      <c r="AH28" s="401"/>
      <c r="AI28" s="401"/>
      <c r="AJ28" s="401"/>
      <c r="AK28" s="445"/>
    </row>
    <row r="29" spans="1:37" s="375" customFormat="1" ht="11.25" customHeight="1" x14ac:dyDescent="0.15">
      <c r="A29" s="620"/>
      <c r="B29" s="408"/>
      <c r="C29" s="409"/>
      <c r="D29" s="410"/>
      <c r="E29" s="411"/>
      <c r="F29" s="412"/>
      <c r="G29" s="411"/>
      <c r="H29" s="411"/>
      <c r="I29" s="411"/>
      <c r="J29" s="411"/>
      <c r="K29" s="411"/>
      <c r="L29" s="411"/>
      <c r="M29" s="411"/>
      <c r="N29" s="411"/>
      <c r="O29" s="411"/>
      <c r="P29" s="411"/>
      <c r="Q29" s="411"/>
      <c r="R29" s="411"/>
      <c r="S29" s="411"/>
      <c r="T29" s="411"/>
      <c r="U29" s="411"/>
      <c r="V29" s="411"/>
      <c r="W29" s="411"/>
      <c r="X29" s="411"/>
      <c r="Y29" s="411"/>
      <c r="Z29" s="411"/>
      <c r="AA29" s="411"/>
      <c r="AB29" s="411"/>
      <c r="AC29" s="411"/>
      <c r="AD29" s="411"/>
      <c r="AE29" s="411"/>
      <c r="AF29" s="411"/>
      <c r="AG29" s="411"/>
      <c r="AH29" s="411"/>
      <c r="AI29" s="411"/>
      <c r="AJ29" s="411"/>
      <c r="AK29" s="445"/>
    </row>
    <row r="30" spans="1:37" s="375" customFormat="1" ht="13.5" customHeight="1" x14ac:dyDescent="0.15">
      <c r="A30" s="620"/>
      <c r="B30" s="413"/>
      <c r="C30" s="397" t="s">
        <v>188</v>
      </c>
      <c r="D30" s="398" t="s">
        <v>189</v>
      </c>
      <c r="E30" s="399">
        <v>95.7</v>
      </c>
      <c r="F30" s="400">
        <v>-4.4000000000000004</v>
      </c>
      <c r="G30" s="399">
        <v>102.8</v>
      </c>
      <c r="H30" s="399">
        <v>-2.8</v>
      </c>
      <c r="I30" s="399">
        <v>95.6</v>
      </c>
      <c r="J30" s="399">
        <v>-7.4</v>
      </c>
      <c r="K30" s="399">
        <v>99.7</v>
      </c>
      <c r="L30" s="399">
        <v>3.9</v>
      </c>
      <c r="M30" s="399">
        <v>107.4</v>
      </c>
      <c r="N30" s="399">
        <v>0.1</v>
      </c>
      <c r="O30" s="399">
        <v>83.6</v>
      </c>
      <c r="P30" s="399">
        <v>-8.3000000000000007</v>
      </c>
      <c r="Q30" s="399">
        <v>94.6</v>
      </c>
      <c r="R30" s="399">
        <v>-3.1</v>
      </c>
      <c r="S30" s="399">
        <v>92.5</v>
      </c>
      <c r="T30" s="399">
        <v>-6.5</v>
      </c>
      <c r="U30" s="399">
        <v>114.2</v>
      </c>
      <c r="V30" s="399">
        <v>6.3</v>
      </c>
      <c r="W30" s="399">
        <v>102.7</v>
      </c>
      <c r="X30" s="399">
        <v>-1.1000000000000001</v>
      </c>
      <c r="Y30" s="399">
        <v>126.7</v>
      </c>
      <c r="Z30" s="399">
        <v>13.4</v>
      </c>
      <c r="AA30" s="399">
        <v>92.1</v>
      </c>
      <c r="AB30" s="399">
        <v>-2.8</v>
      </c>
      <c r="AC30" s="399">
        <v>84.5</v>
      </c>
      <c r="AD30" s="399">
        <v>-18.2</v>
      </c>
      <c r="AE30" s="399">
        <v>101.4</v>
      </c>
      <c r="AF30" s="399">
        <v>6.8</v>
      </c>
      <c r="AG30" s="399">
        <v>92.7</v>
      </c>
      <c r="AH30" s="399">
        <v>-5.4</v>
      </c>
      <c r="AI30" s="399">
        <v>92.6</v>
      </c>
      <c r="AJ30" s="399">
        <v>-7.8</v>
      </c>
      <c r="AK30" s="445"/>
    </row>
    <row r="31" spans="1:37" s="375" customFormat="1" ht="13.5" customHeight="1" x14ac:dyDescent="0.15">
      <c r="A31" s="620"/>
      <c r="B31" s="413"/>
      <c r="C31" s="397" t="s">
        <v>188</v>
      </c>
      <c r="D31" s="398" t="s">
        <v>190</v>
      </c>
      <c r="E31" s="401">
        <v>96.2</v>
      </c>
      <c r="F31" s="402">
        <v>0.5</v>
      </c>
      <c r="G31" s="401">
        <v>96.7</v>
      </c>
      <c r="H31" s="401">
        <v>-5.9</v>
      </c>
      <c r="I31" s="401">
        <v>103.4</v>
      </c>
      <c r="J31" s="401">
        <v>8.1999999999999993</v>
      </c>
      <c r="K31" s="401">
        <v>98.1</v>
      </c>
      <c r="L31" s="401">
        <v>-1.6</v>
      </c>
      <c r="M31" s="401">
        <v>104.7</v>
      </c>
      <c r="N31" s="401">
        <v>-2.5</v>
      </c>
      <c r="O31" s="401">
        <v>85.5</v>
      </c>
      <c r="P31" s="401">
        <v>2.2999999999999998</v>
      </c>
      <c r="Q31" s="401">
        <v>103.7</v>
      </c>
      <c r="R31" s="401">
        <v>9.6</v>
      </c>
      <c r="S31" s="401">
        <v>86</v>
      </c>
      <c r="T31" s="401">
        <v>-7</v>
      </c>
      <c r="U31" s="401">
        <v>113.7</v>
      </c>
      <c r="V31" s="401">
        <v>-0.4</v>
      </c>
      <c r="W31" s="401">
        <v>99.5</v>
      </c>
      <c r="X31" s="401">
        <v>-3.1</v>
      </c>
      <c r="Y31" s="401">
        <v>142.30000000000001</v>
      </c>
      <c r="Z31" s="401">
        <v>12.3</v>
      </c>
      <c r="AA31" s="401">
        <v>93.7</v>
      </c>
      <c r="AB31" s="401">
        <v>1.7</v>
      </c>
      <c r="AC31" s="401">
        <v>78.900000000000006</v>
      </c>
      <c r="AD31" s="401">
        <v>-6.6</v>
      </c>
      <c r="AE31" s="401">
        <v>95.7</v>
      </c>
      <c r="AF31" s="401">
        <v>-5.6</v>
      </c>
      <c r="AG31" s="401">
        <v>90.1</v>
      </c>
      <c r="AH31" s="401">
        <v>-2.8</v>
      </c>
      <c r="AI31" s="401">
        <v>88</v>
      </c>
      <c r="AJ31" s="401">
        <v>-5</v>
      </c>
      <c r="AK31" s="445"/>
    </row>
    <row r="32" spans="1:37" s="375" customFormat="1" ht="13.5" customHeight="1" x14ac:dyDescent="0.15">
      <c r="A32" s="620"/>
      <c r="B32" s="413"/>
      <c r="C32" s="397" t="s">
        <v>188</v>
      </c>
      <c r="D32" s="398" t="s">
        <v>191</v>
      </c>
      <c r="E32" s="446">
        <v>97.8</v>
      </c>
      <c r="F32" s="447">
        <v>0.1</v>
      </c>
      <c r="G32" s="446">
        <v>99</v>
      </c>
      <c r="H32" s="446">
        <v>1.7</v>
      </c>
      <c r="I32" s="446">
        <v>99.8</v>
      </c>
      <c r="J32" s="446">
        <v>-2.9</v>
      </c>
      <c r="K32" s="446">
        <v>108.3</v>
      </c>
      <c r="L32" s="446">
        <v>10.7</v>
      </c>
      <c r="M32" s="446">
        <v>101.6</v>
      </c>
      <c r="N32" s="446">
        <v>-2.7</v>
      </c>
      <c r="O32" s="446">
        <v>85.3</v>
      </c>
      <c r="P32" s="446">
        <v>0.1</v>
      </c>
      <c r="Q32" s="446">
        <v>94.3</v>
      </c>
      <c r="R32" s="446">
        <v>-8.6</v>
      </c>
      <c r="S32" s="446">
        <v>89.4</v>
      </c>
      <c r="T32" s="446">
        <v>3.4</v>
      </c>
      <c r="U32" s="446">
        <v>102</v>
      </c>
      <c r="V32" s="446">
        <v>-6.8</v>
      </c>
      <c r="W32" s="446">
        <v>99.1</v>
      </c>
      <c r="X32" s="446">
        <v>-0.1</v>
      </c>
      <c r="Y32" s="446">
        <v>120.5</v>
      </c>
      <c r="Z32" s="446">
        <v>-15.2</v>
      </c>
      <c r="AA32" s="446">
        <v>100.9</v>
      </c>
      <c r="AB32" s="446">
        <v>8.4</v>
      </c>
      <c r="AC32" s="446">
        <v>82.3</v>
      </c>
      <c r="AD32" s="446">
        <v>4</v>
      </c>
      <c r="AE32" s="446">
        <v>103.6</v>
      </c>
      <c r="AF32" s="446">
        <v>7.6</v>
      </c>
      <c r="AG32" s="446">
        <v>93</v>
      </c>
      <c r="AH32" s="446">
        <v>5</v>
      </c>
      <c r="AI32" s="446">
        <v>96.6</v>
      </c>
      <c r="AJ32" s="446">
        <v>8.5</v>
      </c>
      <c r="AK32" s="445"/>
    </row>
    <row r="33" spans="1:37" s="375" customFormat="1" ht="13.5" customHeight="1" x14ac:dyDescent="0.15">
      <c r="A33" s="620"/>
      <c r="B33" s="413"/>
      <c r="C33" s="397" t="s">
        <v>188</v>
      </c>
      <c r="D33" s="398" t="s">
        <v>192</v>
      </c>
      <c r="E33" s="401">
        <v>97.5</v>
      </c>
      <c r="F33" s="402">
        <v>-0.3</v>
      </c>
      <c r="G33" s="401">
        <v>98.9</v>
      </c>
      <c r="H33" s="401">
        <v>-0.1</v>
      </c>
      <c r="I33" s="401">
        <v>98.7</v>
      </c>
      <c r="J33" s="401">
        <v>-1.1000000000000001</v>
      </c>
      <c r="K33" s="401">
        <v>97.1</v>
      </c>
      <c r="L33" s="401">
        <v>-10.3</v>
      </c>
      <c r="M33" s="401">
        <v>104.5</v>
      </c>
      <c r="N33" s="401">
        <v>2.9</v>
      </c>
      <c r="O33" s="401">
        <v>84.7</v>
      </c>
      <c r="P33" s="401">
        <v>-0.7</v>
      </c>
      <c r="Q33" s="401">
        <v>93</v>
      </c>
      <c r="R33" s="401">
        <v>-1.4</v>
      </c>
      <c r="S33" s="401">
        <v>93.2</v>
      </c>
      <c r="T33" s="401">
        <v>4.3</v>
      </c>
      <c r="U33" s="401">
        <v>88.4</v>
      </c>
      <c r="V33" s="401">
        <v>-13.3</v>
      </c>
      <c r="W33" s="401">
        <v>94.2</v>
      </c>
      <c r="X33" s="401">
        <v>-4.9000000000000004</v>
      </c>
      <c r="Y33" s="401">
        <v>126.8</v>
      </c>
      <c r="Z33" s="401">
        <v>5.2</v>
      </c>
      <c r="AA33" s="401">
        <v>102.9</v>
      </c>
      <c r="AB33" s="401">
        <v>2</v>
      </c>
      <c r="AC33" s="401">
        <v>87.6</v>
      </c>
      <c r="AD33" s="401">
        <v>6.4</v>
      </c>
      <c r="AE33" s="401">
        <v>99.1</v>
      </c>
      <c r="AF33" s="401">
        <v>-4.3</v>
      </c>
      <c r="AG33" s="417">
        <v>89.7</v>
      </c>
      <c r="AH33" s="401">
        <v>-3.5</v>
      </c>
      <c r="AI33" s="401">
        <v>102.7</v>
      </c>
      <c r="AJ33" s="401">
        <v>6.3</v>
      </c>
      <c r="AK33" s="445"/>
    </row>
    <row r="34" spans="1:37" s="375" customFormat="1" ht="13.5" customHeight="1" x14ac:dyDescent="0.15">
      <c r="A34" s="620"/>
      <c r="B34" s="413"/>
      <c r="C34" s="397"/>
      <c r="D34" s="398"/>
      <c r="E34" s="401"/>
      <c r="F34" s="402"/>
      <c r="G34" s="401"/>
      <c r="H34" s="401"/>
      <c r="I34" s="401"/>
      <c r="J34" s="401"/>
      <c r="K34" s="401"/>
      <c r="L34" s="401"/>
      <c r="M34" s="401"/>
      <c r="N34" s="401"/>
      <c r="O34" s="401"/>
      <c r="P34" s="401"/>
      <c r="Q34" s="401"/>
      <c r="R34" s="401"/>
      <c r="S34" s="401"/>
      <c r="T34" s="401"/>
      <c r="U34" s="401"/>
      <c r="V34" s="401"/>
      <c r="W34" s="401"/>
      <c r="X34" s="401"/>
      <c r="Y34" s="401"/>
      <c r="Z34" s="401"/>
      <c r="AA34" s="401"/>
      <c r="AB34" s="401"/>
      <c r="AC34" s="401"/>
      <c r="AD34" s="401"/>
      <c r="AE34" s="401"/>
      <c r="AF34" s="401"/>
      <c r="AG34" s="417"/>
      <c r="AH34" s="417"/>
      <c r="AI34" s="401"/>
      <c r="AJ34" s="401"/>
      <c r="AK34" s="445"/>
    </row>
    <row r="35" spans="1:37" s="375" customFormat="1" ht="15" customHeight="1" x14ac:dyDescent="0.15">
      <c r="A35" s="620"/>
      <c r="B35" s="647" t="s">
        <v>0</v>
      </c>
      <c r="C35" s="347" t="s">
        <v>193</v>
      </c>
      <c r="D35" s="398" t="s">
        <v>194</v>
      </c>
      <c r="E35" s="399">
        <v>95.9</v>
      </c>
      <c r="F35" s="400">
        <v>-1.1000000000000001</v>
      </c>
      <c r="G35" s="399">
        <v>94.9</v>
      </c>
      <c r="H35" s="399">
        <v>-4</v>
      </c>
      <c r="I35" s="399">
        <v>97.2</v>
      </c>
      <c r="J35" s="399">
        <v>-2.2999999999999998</v>
      </c>
      <c r="K35" s="399">
        <v>92.2</v>
      </c>
      <c r="L35" s="399">
        <v>-13.3</v>
      </c>
      <c r="M35" s="399">
        <v>106.2</v>
      </c>
      <c r="N35" s="399">
        <v>3.1</v>
      </c>
      <c r="O35" s="399">
        <v>86.2</v>
      </c>
      <c r="P35" s="399">
        <v>3.7</v>
      </c>
      <c r="Q35" s="399">
        <v>91.5</v>
      </c>
      <c r="R35" s="399">
        <v>-5.3</v>
      </c>
      <c r="S35" s="399">
        <v>92.7</v>
      </c>
      <c r="T35" s="399">
        <v>4.5</v>
      </c>
      <c r="U35" s="399">
        <v>87.4</v>
      </c>
      <c r="V35" s="399">
        <v>-15.1</v>
      </c>
      <c r="W35" s="399">
        <v>91.7</v>
      </c>
      <c r="X35" s="399">
        <v>-5.9</v>
      </c>
      <c r="Y35" s="399">
        <v>124</v>
      </c>
      <c r="Z35" s="399">
        <v>7.7</v>
      </c>
      <c r="AA35" s="399">
        <v>102</v>
      </c>
      <c r="AB35" s="399">
        <v>-2.2000000000000002</v>
      </c>
      <c r="AC35" s="399">
        <v>87.9</v>
      </c>
      <c r="AD35" s="399">
        <v>9.1</v>
      </c>
      <c r="AE35" s="399">
        <v>96</v>
      </c>
      <c r="AF35" s="399">
        <v>-6.4</v>
      </c>
      <c r="AG35" s="418">
        <v>90.6</v>
      </c>
      <c r="AH35" s="399">
        <v>-23.2</v>
      </c>
      <c r="AI35" s="399">
        <v>101.2</v>
      </c>
      <c r="AJ35" s="399">
        <v>9.3000000000000007</v>
      </c>
      <c r="AK35" s="445"/>
    </row>
    <row r="36" spans="1:37" s="375" customFormat="1" ht="15" customHeight="1" x14ac:dyDescent="0.15">
      <c r="A36" s="620"/>
      <c r="B36" s="647"/>
      <c r="C36" s="397"/>
      <c r="D36" s="398" t="s">
        <v>195</v>
      </c>
      <c r="E36" s="401">
        <v>95.7</v>
      </c>
      <c r="F36" s="402">
        <v>-1.5</v>
      </c>
      <c r="G36" s="401">
        <v>97.1</v>
      </c>
      <c r="H36" s="401">
        <v>-1.8</v>
      </c>
      <c r="I36" s="401">
        <v>97.9</v>
      </c>
      <c r="J36" s="401">
        <v>-1</v>
      </c>
      <c r="K36" s="401">
        <v>92.9</v>
      </c>
      <c r="L36" s="401">
        <v>-13.9</v>
      </c>
      <c r="M36" s="401">
        <v>103.4</v>
      </c>
      <c r="N36" s="401">
        <v>3.8</v>
      </c>
      <c r="O36" s="401">
        <v>83.1</v>
      </c>
      <c r="P36" s="401">
        <v>2.1</v>
      </c>
      <c r="Q36" s="401">
        <v>88.6</v>
      </c>
      <c r="R36" s="401">
        <v>-4.8</v>
      </c>
      <c r="S36" s="401">
        <v>89.5</v>
      </c>
      <c r="T36" s="401">
        <v>2.4</v>
      </c>
      <c r="U36" s="401">
        <v>83.7</v>
      </c>
      <c r="V36" s="401">
        <v>-17.8</v>
      </c>
      <c r="W36" s="401">
        <v>93.3</v>
      </c>
      <c r="X36" s="401">
        <v>-6.2</v>
      </c>
      <c r="Y36" s="401">
        <v>121.7</v>
      </c>
      <c r="Z36" s="401">
        <v>-21.9</v>
      </c>
      <c r="AA36" s="401">
        <v>97.2</v>
      </c>
      <c r="AB36" s="401">
        <v>-2.5</v>
      </c>
      <c r="AC36" s="401">
        <v>89.4</v>
      </c>
      <c r="AD36" s="401">
        <v>11.8</v>
      </c>
      <c r="AE36" s="401">
        <v>97.2</v>
      </c>
      <c r="AF36" s="401">
        <v>-4.4000000000000004</v>
      </c>
      <c r="AG36" s="417">
        <v>90.5</v>
      </c>
      <c r="AH36" s="417">
        <v>0.3</v>
      </c>
      <c r="AI36" s="401">
        <v>100.9</v>
      </c>
      <c r="AJ36" s="401">
        <v>3.9</v>
      </c>
      <c r="AK36" s="445"/>
    </row>
    <row r="37" spans="1:37" s="375" customFormat="1" ht="15" customHeight="1" x14ac:dyDescent="0.15">
      <c r="A37" s="620"/>
      <c r="B37" s="647"/>
      <c r="C37" s="397"/>
      <c r="D37" s="398" t="s">
        <v>196</v>
      </c>
      <c r="E37" s="399">
        <v>96.7</v>
      </c>
      <c r="F37" s="400">
        <v>-1.1000000000000001</v>
      </c>
      <c r="G37" s="399">
        <v>99.3</v>
      </c>
      <c r="H37" s="399">
        <v>-0.7</v>
      </c>
      <c r="I37" s="399">
        <v>97.9</v>
      </c>
      <c r="J37" s="399">
        <v>-2.2000000000000002</v>
      </c>
      <c r="K37" s="399">
        <v>102.1</v>
      </c>
      <c r="L37" s="399">
        <v>-7.2</v>
      </c>
      <c r="M37" s="399">
        <v>104.1</v>
      </c>
      <c r="N37" s="399">
        <v>3.4</v>
      </c>
      <c r="O37" s="399">
        <v>84.8</v>
      </c>
      <c r="P37" s="399">
        <v>-2.4</v>
      </c>
      <c r="Q37" s="399">
        <v>89.9</v>
      </c>
      <c r="R37" s="399">
        <v>-5.7</v>
      </c>
      <c r="S37" s="399">
        <v>93.6</v>
      </c>
      <c r="T37" s="399">
        <v>6.6</v>
      </c>
      <c r="U37" s="399">
        <v>80.099999999999994</v>
      </c>
      <c r="V37" s="399">
        <v>-24.4</v>
      </c>
      <c r="W37" s="399">
        <v>93.8</v>
      </c>
      <c r="X37" s="399">
        <v>-5.6</v>
      </c>
      <c r="Y37" s="399">
        <v>123.4</v>
      </c>
      <c r="Z37" s="399">
        <v>5.9</v>
      </c>
      <c r="AA37" s="399">
        <v>98.6</v>
      </c>
      <c r="AB37" s="399">
        <v>1.8</v>
      </c>
      <c r="AC37" s="399">
        <v>89.6</v>
      </c>
      <c r="AD37" s="399">
        <v>12.3</v>
      </c>
      <c r="AE37" s="399">
        <v>99</v>
      </c>
      <c r="AF37" s="399">
        <v>-3.9</v>
      </c>
      <c r="AG37" s="418">
        <v>87.8</v>
      </c>
      <c r="AH37" s="418">
        <v>3.4</v>
      </c>
      <c r="AI37" s="399">
        <v>101</v>
      </c>
      <c r="AJ37" s="399">
        <v>4.5999999999999996</v>
      </c>
      <c r="AK37" s="445"/>
    </row>
    <row r="38" spans="1:37" s="375" customFormat="1" ht="15" customHeight="1" x14ac:dyDescent="0.15">
      <c r="A38" s="620"/>
      <c r="B38" s="647"/>
      <c r="C38" s="397"/>
      <c r="D38" s="398" t="s">
        <v>197</v>
      </c>
      <c r="E38" s="401">
        <v>98.4</v>
      </c>
      <c r="F38" s="402">
        <v>-1.1000000000000001</v>
      </c>
      <c r="G38" s="401">
        <v>97.4</v>
      </c>
      <c r="H38" s="401">
        <v>-2.1</v>
      </c>
      <c r="I38" s="401">
        <v>99.6</v>
      </c>
      <c r="J38" s="401">
        <v>-0.6</v>
      </c>
      <c r="K38" s="401">
        <v>87.9</v>
      </c>
      <c r="L38" s="401">
        <v>-20</v>
      </c>
      <c r="M38" s="401">
        <v>105.9</v>
      </c>
      <c r="N38" s="401">
        <v>2.5</v>
      </c>
      <c r="O38" s="401">
        <v>85.6</v>
      </c>
      <c r="P38" s="401">
        <v>-1.9</v>
      </c>
      <c r="Q38" s="401">
        <v>90.3</v>
      </c>
      <c r="R38" s="401">
        <v>-6.3</v>
      </c>
      <c r="S38" s="401">
        <v>94</v>
      </c>
      <c r="T38" s="401">
        <v>3.8</v>
      </c>
      <c r="U38" s="401">
        <v>87.9</v>
      </c>
      <c r="V38" s="401">
        <v>-22.3</v>
      </c>
      <c r="W38" s="401">
        <v>95.1</v>
      </c>
      <c r="X38" s="401">
        <v>-4.2</v>
      </c>
      <c r="Y38" s="401">
        <v>130.5</v>
      </c>
      <c r="Z38" s="401">
        <v>-15.4</v>
      </c>
      <c r="AA38" s="401">
        <v>105.2</v>
      </c>
      <c r="AB38" s="401">
        <v>3.5</v>
      </c>
      <c r="AC38" s="401">
        <v>92.3</v>
      </c>
      <c r="AD38" s="401">
        <v>11.7</v>
      </c>
      <c r="AE38" s="401">
        <v>101.3</v>
      </c>
      <c r="AF38" s="401">
        <v>-3.2</v>
      </c>
      <c r="AG38" s="417">
        <v>88.6</v>
      </c>
      <c r="AH38" s="417">
        <v>-3.5</v>
      </c>
      <c r="AI38" s="401">
        <v>103.1</v>
      </c>
      <c r="AJ38" s="401">
        <v>7.6</v>
      </c>
      <c r="AK38" s="445"/>
    </row>
    <row r="39" spans="1:37" s="375" customFormat="1" ht="15" customHeight="1" x14ac:dyDescent="0.15">
      <c r="A39" s="620"/>
      <c r="B39" s="647"/>
      <c r="C39" s="397"/>
      <c r="D39" s="398" t="s">
        <v>198</v>
      </c>
      <c r="E39" s="399">
        <v>96.8</v>
      </c>
      <c r="F39" s="400">
        <v>-1.7</v>
      </c>
      <c r="G39" s="399">
        <v>97.5</v>
      </c>
      <c r="H39" s="399">
        <v>-3</v>
      </c>
      <c r="I39" s="399">
        <v>98</v>
      </c>
      <c r="J39" s="399">
        <v>-1.4</v>
      </c>
      <c r="K39" s="399">
        <v>93.4</v>
      </c>
      <c r="L39" s="399">
        <v>-14.4</v>
      </c>
      <c r="M39" s="399">
        <v>102.8</v>
      </c>
      <c r="N39" s="399">
        <v>-1.3</v>
      </c>
      <c r="O39" s="399">
        <v>84.7</v>
      </c>
      <c r="P39" s="399">
        <v>-1.4</v>
      </c>
      <c r="Q39" s="399">
        <v>91.6</v>
      </c>
      <c r="R39" s="399">
        <v>-3.6</v>
      </c>
      <c r="S39" s="399">
        <v>98.2</v>
      </c>
      <c r="T39" s="399">
        <v>10</v>
      </c>
      <c r="U39" s="399">
        <v>84.5</v>
      </c>
      <c r="V39" s="399">
        <v>-16.7</v>
      </c>
      <c r="W39" s="399">
        <v>93.2</v>
      </c>
      <c r="X39" s="399">
        <v>-5</v>
      </c>
      <c r="Y39" s="399">
        <v>127.5</v>
      </c>
      <c r="Z39" s="399">
        <v>9.1999999999999993</v>
      </c>
      <c r="AA39" s="399">
        <v>105.7</v>
      </c>
      <c r="AB39" s="399">
        <v>3.6</v>
      </c>
      <c r="AC39" s="399">
        <v>88</v>
      </c>
      <c r="AD39" s="399">
        <v>3</v>
      </c>
      <c r="AE39" s="399">
        <v>99</v>
      </c>
      <c r="AF39" s="399">
        <v>-5</v>
      </c>
      <c r="AG39" s="418">
        <v>89.6</v>
      </c>
      <c r="AH39" s="418">
        <v>-0.4</v>
      </c>
      <c r="AI39" s="399">
        <v>100.8</v>
      </c>
      <c r="AJ39" s="399">
        <v>4.9000000000000004</v>
      </c>
      <c r="AK39" s="445"/>
    </row>
    <row r="40" spans="1:37" s="375" customFormat="1" ht="15" customHeight="1" x14ac:dyDescent="0.15">
      <c r="A40" s="620"/>
      <c r="B40" s="419">
        <v>30</v>
      </c>
      <c r="C40" s="397"/>
      <c r="D40" s="398" t="s">
        <v>199</v>
      </c>
      <c r="E40" s="401">
        <v>98.2</v>
      </c>
      <c r="F40" s="402">
        <v>-0.7</v>
      </c>
      <c r="G40" s="401">
        <v>102.3</v>
      </c>
      <c r="H40" s="401">
        <v>3.3</v>
      </c>
      <c r="I40" s="401">
        <v>99.9</v>
      </c>
      <c r="J40" s="401">
        <v>-0.6</v>
      </c>
      <c r="K40" s="401">
        <v>106.3</v>
      </c>
      <c r="L40" s="401">
        <v>-3</v>
      </c>
      <c r="M40" s="401">
        <v>105.8</v>
      </c>
      <c r="N40" s="401">
        <v>3.7</v>
      </c>
      <c r="O40" s="401">
        <v>86.1</v>
      </c>
      <c r="P40" s="401">
        <v>-0.5</v>
      </c>
      <c r="Q40" s="401">
        <v>91.4</v>
      </c>
      <c r="R40" s="401">
        <v>-2.8</v>
      </c>
      <c r="S40" s="401">
        <v>91.1</v>
      </c>
      <c r="T40" s="401">
        <v>3.8</v>
      </c>
      <c r="U40" s="401">
        <v>88.2</v>
      </c>
      <c r="V40" s="401">
        <v>-9.8000000000000007</v>
      </c>
      <c r="W40" s="401">
        <v>94.5</v>
      </c>
      <c r="X40" s="401">
        <v>-4.4000000000000004</v>
      </c>
      <c r="Y40" s="401">
        <v>125.2</v>
      </c>
      <c r="Z40" s="401">
        <v>6.1</v>
      </c>
      <c r="AA40" s="401">
        <v>109.2</v>
      </c>
      <c r="AB40" s="401">
        <v>9.5</v>
      </c>
      <c r="AC40" s="401">
        <v>87.7</v>
      </c>
      <c r="AD40" s="401">
        <v>6</v>
      </c>
      <c r="AE40" s="401">
        <v>100</v>
      </c>
      <c r="AF40" s="401">
        <v>-8.1999999999999993</v>
      </c>
      <c r="AG40" s="417">
        <v>91.3</v>
      </c>
      <c r="AH40" s="417">
        <v>0.9</v>
      </c>
      <c r="AI40" s="401">
        <v>101.4</v>
      </c>
      <c r="AJ40" s="401">
        <v>4.2</v>
      </c>
      <c r="AK40" s="445"/>
    </row>
    <row r="41" spans="1:37" s="375" customFormat="1" ht="15" customHeight="1" x14ac:dyDescent="0.15">
      <c r="A41" s="620"/>
      <c r="B41" s="648" t="s">
        <v>163</v>
      </c>
      <c r="C41" s="397"/>
      <c r="D41" s="398" t="s">
        <v>200</v>
      </c>
      <c r="E41" s="399">
        <v>98.1</v>
      </c>
      <c r="F41" s="400">
        <v>0</v>
      </c>
      <c r="G41" s="399">
        <v>100.7</v>
      </c>
      <c r="H41" s="399">
        <v>1.7</v>
      </c>
      <c r="I41" s="399">
        <v>99.9</v>
      </c>
      <c r="J41" s="399">
        <v>-0.7</v>
      </c>
      <c r="K41" s="399">
        <v>94.1</v>
      </c>
      <c r="L41" s="399">
        <v>-12.1</v>
      </c>
      <c r="M41" s="399">
        <v>103.3</v>
      </c>
      <c r="N41" s="399">
        <v>1.9</v>
      </c>
      <c r="O41" s="399">
        <v>82.7</v>
      </c>
      <c r="P41" s="399">
        <v>-3.3</v>
      </c>
      <c r="Q41" s="399">
        <v>94</v>
      </c>
      <c r="R41" s="399">
        <v>0.3</v>
      </c>
      <c r="S41" s="399">
        <v>92.7</v>
      </c>
      <c r="T41" s="399">
        <v>0</v>
      </c>
      <c r="U41" s="399">
        <v>103</v>
      </c>
      <c r="V41" s="399">
        <v>3.9</v>
      </c>
      <c r="W41" s="399">
        <v>94.2</v>
      </c>
      <c r="X41" s="399">
        <v>-5.3</v>
      </c>
      <c r="Y41" s="399">
        <v>123.4</v>
      </c>
      <c r="Z41" s="399">
        <v>6.8</v>
      </c>
      <c r="AA41" s="399">
        <v>100.7</v>
      </c>
      <c r="AB41" s="399">
        <v>1.6</v>
      </c>
      <c r="AC41" s="399">
        <v>86.9</v>
      </c>
      <c r="AD41" s="399">
        <v>4.7</v>
      </c>
      <c r="AE41" s="399">
        <v>100</v>
      </c>
      <c r="AF41" s="399">
        <v>-3.7</v>
      </c>
      <c r="AG41" s="418">
        <v>90.9</v>
      </c>
      <c r="AH41" s="418">
        <v>0.4</v>
      </c>
      <c r="AI41" s="399">
        <v>104.7</v>
      </c>
      <c r="AJ41" s="399">
        <v>7.1</v>
      </c>
      <c r="AK41" s="445"/>
    </row>
    <row r="42" spans="1:37" s="375" customFormat="1" ht="15" customHeight="1" x14ac:dyDescent="0.15">
      <c r="A42" s="620"/>
      <c r="B42" s="648"/>
      <c r="C42" s="397"/>
      <c r="D42" s="398" t="s">
        <v>201</v>
      </c>
      <c r="E42" s="448">
        <v>96.8</v>
      </c>
      <c r="F42" s="449">
        <v>-1.4</v>
      </c>
      <c r="G42" s="448">
        <v>97.6</v>
      </c>
      <c r="H42" s="448">
        <v>-0.3</v>
      </c>
      <c r="I42" s="448">
        <v>98.8</v>
      </c>
      <c r="J42" s="448">
        <v>-1.3</v>
      </c>
      <c r="K42" s="448">
        <v>105.3</v>
      </c>
      <c r="L42" s="448">
        <v>-3.7</v>
      </c>
      <c r="M42" s="448">
        <v>105.6</v>
      </c>
      <c r="N42" s="448">
        <v>2.5</v>
      </c>
      <c r="O42" s="448">
        <v>82.1</v>
      </c>
      <c r="P42" s="448">
        <v>-4.5999999999999996</v>
      </c>
      <c r="Q42" s="448">
        <v>92.4</v>
      </c>
      <c r="R42" s="448">
        <v>-4.8</v>
      </c>
      <c r="S42" s="448">
        <v>90.5</v>
      </c>
      <c r="T42" s="448">
        <v>1.3</v>
      </c>
      <c r="U42" s="448">
        <v>87.6</v>
      </c>
      <c r="V42" s="448">
        <v>-9.6999999999999993</v>
      </c>
      <c r="W42" s="448">
        <v>93.9</v>
      </c>
      <c r="X42" s="448">
        <v>-4.5</v>
      </c>
      <c r="Y42" s="448">
        <v>128.6</v>
      </c>
      <c r="Z42" s="448">
        <v>16.899999999999999</v>
      </c>
      <c r="AA42" s="448">
        <v>104.5</v>
      </c>
      <c r="AB42" s="448">
        <v>3.9</v>
      </c>
      <c r="AC42" s="448">
        <v>84.9</v>
      </c>
      <c r="AD42" s="448">
        <v>4.7</v>
      </c>
      <c r="AE42" s="448">
        <v>99</v>
      </c>
      <c r="AF42" s="448">
        <v>-6.7</v>
      </c>
      <c r="AG42" s="417">
        <v>89.9</v>
      </c>
      <c r="AH42" s="401">
        <v>2.2999999999999998</v>
      </c>
      <c r="AI42" s="448">
        <v>101</v>
      </c>
      <c r="AJ42" s="448">
        <v>5.6</v>
      </c>
      <c r="AK42" s="445"/>
    </row>
    <row r="43" spans="1:37" s="375" customFormat="1" ht="15" customHeight="1" x14ac:dyDescent="0.15">
      <c r="A43" s="620"/>
      <c r="B43" s="648"/>
      <c r="C43" s="397"/>
      <c r="D43" s="398" t="s">
        <v>202</v>
      </c>
      <c r="E43" s="450">
        <v>97.5</v>
      </c>
      <c r="F43" s="451">
        <v>-0.7</v>
      </c>
      <c r="G43" s="450">
        <v>100</v>
      </c>
      <c r="H43" s="450">
        <v>1.3</v>
      </c>
      <c r="I43" s="450">
        <v>98.9</v>
      </c>
      <c r="J43" s="450">
        <v>-1.3</v>
      </c>
      <c r="K43" s="450">
        <v>91.3</v>
      </c>
      <c r="L43" s="450">
        <v>-15.9</v>
      </c>
      <c r="M43" s="450">
        <v>103.9</v>
      </c>
      <c r="N43" s="450">
        <v>2.9</v>
      </c>
      <c r="O43" s="450">
        <v>84.9</v>
      </c>
      <c r="P43" s="450">
        <v>-0.6</v>
      </c>
      <c r="Q43" s="450">
        <v>93.1</v>
      </c>
      <c r="R43" s="450">
        <v>-2</v>
      </c>
      <c r="S43" s="450">
        <v>92.5</v>
      </c>
      <c r="T43" s="450">
        <v>2.7</v>
      </c>
      <c r="U43" s="450">
        <v>87.2</v>
      </c>
      <c r="V43" s="450">
        <v>-18.7</v>
      </c>
      <c r="W43" s="450">
        <v>94.8</v>
      </c>
      <c r="X43" s="450">
        <v>-4.9000000000000004</v>
      </c>
      <c r="Y43" s="450">
        <v>126.7</v>
      </c>
      <c r="Z43" s="450">
        <v>15</v>
      </c>
      <c r="AA43" s="450">
        <v>104.4</v>
      </c>
      <c r="AB43" s="450">
        <v>7</v>
      </c>
      <c r="AC43" s="450">
        <v>86</v>
      </c>
      <c r="AD43" s="450">
        <v>4.2</v>
      </c>
      <c r="AE43" s="450">
        <v>99.2</v>
      </c>
      <c r="AF43" s="450">
        <v>-5.3</v>
      </c>
      <c r="AG43" s="418">
        <v>88.9</v>
      </c>
      <c r="AH43" s="418">
        <v>-19.2</v>
      </c>
      <c r="AI43" s="450">
        <v>104.2</v>
      </c>
      <c r="AJ43" s="450">
        <v>6.7</v>
      </c>
      <c r="AK43" s="445"/>
    </row>
    <row r="44" spans="1:37" s="375" customFormat="1" ht="15" customHeight="1" x14ac:dyDescent="0.15">
      <c r="A44" s="620"/>
      <c r="B44" s="413"/>
      <c r="C44" s="397"/>
      <c r="D44" s="398" t="s">
        <v>203</v>
      </c>
      <c r="E44" s="401">
        <v>99.4</v>
      </c>
      <c r="F44" s="402">
        <v>2.5</v>
      </c>
      <c r="G44" s="401">
        <v>100.3</v>
      </c>
      <c r="H44" s="401">
        <v>0.2</v>
      </c>
      <c r="I44" s="401">
        <v>99.9</v>
      </c>
      <c r="J44" s="401">
        <v>-0.3</v>
      </c>
      <c r="K44" s="401">
        <v>107.6</v>
      </c>
      <c r="L44" s="401">
        <v>-0.6</v>
      </c>
      <c r="M44" s="401">
        <v>104.9</v>
      </c>
      <c r="N44" s="401">
        <v>3.6</v>
      </c>
      <c r="O44" s="401">
        <v>86.5</v>
      </c>
      <c r="P44" s="401">
        <v>-0.7</v>
      </c>
      <c r="Q44" s="401">
        <v>98.4</v>
      </c>
      <c r="R44" s="401">
        <v>3.9</v>
      </c>
      <c r="S44" s="401">
        <v>97.1</v>
      </c>
      <c r="T44" s="401">
        <v>7.2</v>
      </c>
      <c r="U44" s="401">
        <v>90.6</v>
      </c>
      <c r="V44" s="401">
        <v>-10.6</v>
      </c>
      <c r="W44" s="401">
        <v>95.1</v>
      </c>
      <c r="X44" s="401">
        <v>-5</v>
      </c>
      <c r="Y44" s="401">
        <v>128.80000000000001</v>
      </c>
      <c r="Z44" s="401">
        <v>13.7</v>
      </c>
      <c r="AA44" s="401">
        <v>100.9</v>
      </c>
      <c r="AB44" s="401">
        <v>0.2</v>
      </c>
      <c r="AC44" s="401">
        <v>87.7</v>
      </c>
      <c r="AD44" s="401">
        <v>3.9</v>
      </c>
      <c r="AE44" s="401">
        <v>101.6</v>
      </c>
      <c r="AF44" s="401">
        <v>6.7</v>
      </c>
      <c r="AG44" s="417">
        <v>89.7</v>
      </c>
      <c r="AH44" s="401">
        <v>3.6</v>
      </c>
      <c r="AI44" s="401">
        <v>105</v>
      </c>
      <c r="AJ44" s="401">
        <v>8</v>
      </c>
      <c r="AK44" s="445"/>
    </row>
    <row r="45" spans="1:37" s="375" customFormat="1" ht="15" customHeight="1" x14ac:dyDescent="0.15">
      <c r="A45" s="620"/>
      <c r="B45" s="413"/>
      <c r="C45" s="397"/>
      <c r="D45" s="398" t="s">
        <v>204</v>
      </c>
      <c r="E45" s="399">
        <v>97.2</v>
      </c>
      <c r="F45" s="400">
        <v>-0.3</v>
      </c>
      <c r="G45" s="399">
        <v>99.7</v>
      </c>
      <c r="H45" s="399">
        <v>1.1000000000000001</v>
      </c>
      <c r="I45" s="399">
        <v>98.7</v>
      </c>
      <c r="J45" s="399">
        <v>-1.4</v>
      </c>
      <c r="K45" s="399">
        <v>89.9</v>
      </c>
      <c r="L45" s="399">
        <v>-16.2</v>
      </c>
      <c r="M45" s="399">
        <v>104.4</v>
      </c>
      <c r="N45" s="399">
        <v>4</v>
      </c>
      <c r="O45" s="399">
        <v>83.8</v>
      </c>
      <c r="P45" s="399">
        <v>-2</v>
      </c>
      <c r="Q45" s="399">
        <v>96</v>
      </c>
      <c r="R45" s="399">
        <v>6.8</v>
      </c>
      <c r="S45" s="399">
        <v>93.5</v>
      </c>
      <c r="T45" s="399">
        <v>5.0999999999999996</v>
      </c>
      <c r="U45" s="399">
        <v>89.2</v>
      </c>
      <c r="V45" s="399">
        <v>-7.5</v>
      </c>
      <c r="W45" s="399">
        <v>94.4</v>
      </c>
      <c r="X45" s="399">
        <v>-4.5999999999999996</v>
      </c>
      <c r="Y45" s="399">
        <v>130.9</v>
      </c>
      <c r="Z45" s="399">
        <v>19</v>
      </c>
      <c r="AA45" s="399">
        <v>104.7</v>
      </c>
      <c r="AB45" s="399">
        <v>-1.5</v>
      </c>
      <c r="AC45" s="399">
        <v>82.8</v>
      </c>
      <c r="AD45" s="399">
        <v>-0.1</v>
      </c>
      <c r="AE45" s="399">
        <v>98</v>
      </c>
      <c r="AF45" s="399">
        <v>-7.1</v>
      </c>
      <c r="AG45" s="418">
        <v>86.9</v>
      </c>
      <c r="AH45" s="399">
        <v>-4.0999999999999996</v>
      </c>
      <c r="AI45" s="399">
        <v>103.7</v>
      </c>
      <c r="AJ45" s="399">
        <v>6</v>
      </c>
      <c r="AK45" s="445"/>
    </row>
    <row r="46" spans="1:37" s="375" customFormat="1" ht="15" customHeight="1" x14ac:dyDescent="0.15">
      <c r="A46" s="620"/>
      <c r="B46" s="413"/>
      <c r="C46" s="397"/>
      <c r="D46" s="398" t="s">
        <v>205</v>
      </c>
      <c r="E46" s="401">
        <v>98.4</v>
      </c>
      <c r="F46" s="402">
        <v>1.7</v>
      </c>
      <c r="G46" s="401">
        <v>99.7</v>
      </c>
      <c r="H46" s="401">
        <v>2.8</v>
      </c>
      <c r="I46" s="401">
        <v>98</v>
      </c>
      <c r="J46" s="401">
        <v>-0.8</v>
      </c>
      <c r="K46" s="401">
        <v>101.6</v>
      </c>
      <c r="L46" s="401">
        <v>-4.0999999999999996</v>
      </c>
      <c r="M46" s="401">
        <v>103.7</v>
      </c>
      <c r="N46" s="401">
        <v>3.4</v>
      </c>
      <c r="O46" s="401">
        <v>85.9</v>
      </c>
      <c r="P46" s="401">
        <v>3.6</v>
      </c>
      <c r="Q46" s="401">
        <v>98.6</v>
      </c>
      <c r="R46" s="401">
        <v>8.1999999999999993</v>
      </c>
      <c r="S46" s="401">
        <v>92.8</v>
      </c>
      <c r="T46" s="401">
        <v>3.7</v>
      </c>
      <c r="U46" s="401">
        <v>91.7</v>
      </c>
      <c r="V46" s="401">
        <v>-8</v>
      </c>
      <c r="W46" s="401">
        <v>96</v>
      </c>
      <c r="X46" s="401">
        <v>-3.9</v>
      </c>
      <c r="Y46" s="401">
        <v>130.6</v>
      </c>
      <c r="Z46" s="401">
        <v>16.399999999999999</v>
      </c>
      <c r="AA46" s="401">
        <v>101.8</v>
      </c>
      <c r="AB46" s="401">
        <v>-0.9</v>
      </c>
      <c r="AC46" s="401">
        <v>87.3</v>
      </c>
      <c r="AD46" s="401">
        <v>5.2</v>
      </c>
      <c r="AE46" s="401">
        <v>98.9</v>
      </c>
      <c r="AF46" s="401">
        <v>-4.2</v>
      </c>
      <c r="AG46" s="401">
        <v>91.7</v>
      </c>
      <c r="AH46" s="417">
        <v>6.1</v>
      </c>
      <c r="AI46" s="401">
        <v>105.2</v>
      </c>
      <c r="AJ46" s="401">
        <v>7.6</v>
      </c>
      <c r="AK46" s="445"/>
    </row>
    <row r="47" spans="1:37" s="375" customFormat="1" ht="13.5" customHeight="1" x14ac:dyDescent="0.15">
      <c r="A47" s="620"/>
      <c r="B47" s="413"/>
      <c r="C47" s="397"/>
      <c r="D47" s="398"/>
      <c r="E47" s="401"/>
      <c r="F47" s="402"/>
      <c r="G47" s="401"/>
      <c r="H47" s="401"/>
      <c r="I47" s="401"/>
      <c r="J47" s="401"/>
      <c r="K47" s="401"/>
      <c r="L47" s="401"/>
      <c r="M47" s="401"/>
      <c r="N47" s="401"/>
      <c r="O47" s="401"/>
      <c r="P47" s="401"/>
      <c r="Q47" s="401"/>
      <c r="R47" s="401"/>
      <c r="S47" s="401"/>
      <c r="T47" s="401"/>
      <c r="U47" s="401"/>
      <c r="V47" s="401"/>
      <c r="W47" s="401"/>
      <c r="X47" s="401"/>
      <c r="Y47" s="401"/>
      <c r="Z47" s="401"/>
      <c r="AA47" s="401"/>
      <c r="AB47" s="401"/>
      <c r="AC47" s="401"/>
      <c r="AD47" s="401"/>
      <c r="AE47" s="401"/>
      <c r="AF47" s="401"/>
      <c r="AG47" s="417"/>
      <c r="AH47" s="417"/>
      <c r="AI47" s="401"/>
      <c r="AJ47" s="401"/>
      <c r="AK47" s="445"/>
    </row>
    <row r="48" spans="1:37" s="375" customFormat="1" ht="14.25" customHeight="1" x14ac:dyDescent="0.15">
      <c r="A48" s="620"/>
      <c r="B48" s="413"/>
      <c r="C48" s="347" t="s">
        <v>206</v>
      </c>
      <c r="D48" s="398" t="s">
        <v>194</v>
      </c>
      <c r="E48" s="399">
        <v>96.1</v>
      </c>
      <c r="F48" s="400">
        <v>0.2</v>
      </c>
      <c r="G48" s="399">
        <v>119.9</v>
      </c>
      <c r="H48" s="399">
        <v>26.3</v>
      </c>
      <c r="I48" s="399">
        <v>93.8</v>
      </c>
      <c r="J48" s="399">
        <v>-3.5</v>
      </c>
      <c r="K48" s="399">
        <v>93.4</v>
      </c>
      <c r="L48" s="399">
        <v>1.3</v>
      </c>
      <c r="M48" s="399">
        <v>104.5</v>
      </c>
      <c r="N48" s="399">
        <v>-1.6</v>
      </c>
      <c r="O48" s="399">
        <v>79.7</v>
      </c>
      <c r="P48" s="399">
        <v>-7.5</v>
      </c>
      <c r="Q48" s="399">
        <v>97.4</v>
      </c>
      <c r="R48" s="399">
        <v>6.4</v>
      </c>
      <c r="S48" s="399">
        <v>99.2</v>
      </c>
      <c r="T48" s="399">
        <v>7</v>
      </c>
      <c r="U48" s="399">
        <v>85.7</v>
      </c>
      <c r="V48" s="399">
        <v>-1.9</v>
      </c>
      <c r="W48" s="399">
        <v>90.3</v>
      </c>
      <c r="X48" s="399">
        <v>-1.5</v>
      </c>
      <c r="Y48" s="399">
        <v>131.5</v>
      </c>
      <c r="Z48" s="399">
        <v>6</v>
      </c>
      <c r="AA48" s="399">
        <v>97</v>
      </c>
      <c r="AB48" s="399">
        <v>-4.9000000000000004</v>
      </c>
      <c r="AC48" s="399">
        <v>86.5</v>
      </c>
      <c r="AD48" s="399">
        <v>-1.6</v>
      </c>
      <c r="AE48" s="399">
        <v>95.5</v>
      </c>
      <c r="AF48" s="399">
        <v>-0.5</v>
      </c>
      <c r="AG48" s="399">
        <v>99.9</v>
      </c>
      <c r="AH48" s="399">
        <v>10.3</v>
      </c>
      <c r="AI48" s="399">
        <v>102.7</v>
      </c>
      <c r="AJ48" s="399">
        <v>1.5</v>
      </c>
      <c r="AK48" s="445"/>
    </row>
    <row r="49" spans="1:36" ht="11.25" customHeight="1" thickBot="1" x14ac:dyDescent="0.2">
      <c r="A49" s="620"/>
      <c r="B49" s="421"/>
      <c r="C49" s="422"/>
      <c r="D49" s="423"/>
      <c r="E49" s="374"/>
      <c r="F49" s="424"/>
      <c r="G49" s="374"/>
      <c r="H49" s="374"/>
      <c r="I49" s="374"/>
      <c r="J49" s="374"/>
      <c r="K49" s="374"/>
      <c r="L49" s="374"/>
      <c r="M49" s="374"/>
      <c r="N49" s="374"/>
      <c r="O49" s="374"/>
      <c r="P49" s="374"/>
      <c r="Q49" s="374"/>
      <c r="R49" s="374"/>
      <c r="S49" s="374"/>
      <c r="T49" s="374"/>
      <c r="U49" s="374"/>
      <c r="V49" s="374"/>
      <c r="W49" s="374"/>
      <c r="X49" s="374"/>
      <c r="Y49" s="374"/>
      <c r="Z49" s="374"/>
      <c r="AA49" s="374"/>
      <c r="AB49" s="374"/>
      <c r="AC49" s="374"/>
      <c r="AD49" s="374"/>
      <c r="AE49" s="374"/>
      <c r="AF49" s="374"/>
      <c r="AG49" s="374"/>
      <c r="AH49" s="374"/>
      <c r="AI49" s="374"/>
      <c r="AJ49" s="374"/>
    </row>
    <row r="50" spans="1:36" ht="14.1" customHeight="1" x14ac:dyDescent="0.15">
      <c r="A50" s="620"/>
      <c r="C50" s="649" t="s">
        <v>209</v>
      </c>
      <c r="D50" s="649"/>
      <c r="E50" s="649"/>
      <c r="F50" s="649"/>
      <c r="G50" s="649"/>
      <c r="H50" s="649"/>
      <c r="I50" s="649"/>
      <c r="J50" s="649"/>
      <c r="K50" s="649"/>
      <c r="L50" s="649"/>
      <c r="M50" s="649"/>
      <c r="N50" s="649"/>
      <c r="O50" s="649"/>
      <c r="P50" s="649"/>
      <c r="Q50" s="649"/>
      <c r="R50" s="649"/>
      <c r="S50" s="649"/>
      <c r="T50" s="649"/>
      <c r="U50" s="649"/>
      <c r="V50" s="649"/>
      <c r="W50" s="649"/>
      <c r="X50" s="649"/>
      <c r="Y50" s="649"/>
      <c r="Z50" s="649"/>
      <c r="AA50" s="649"/>
      <c r="AB50" s="649"/>
      <c r="AC50" s="649"/>
      <c r="AD50" s="649"/>
      <c r="AE50" s="649"/>
      <c r="AF50" s="649"/>
      <c r="AG50" s="649"/>
      <c r="AH50" s="649"/>
      <c r="AI50" s="649"/>
      <c r="AJ50" s="649"/>
    </row>
  </sheetData>
  <protectedRanges>
    <protectedRange sqref="U26:V26" name="範囲1_1_1"/>
    <protectedRange sqref="W26:AB26" name="範囲1_1_2"/>
    <protectedRange sqref="U47:AB47" name="範囲1_1_3"/>
    <protectedRange sqref="AI26:AJ26" name="範囲1_1_4"/>
    <protectedRange sqref="AI47:AJ47" name="範囲1_1_5"/>
  </protectedRanges>
  <mergeCells count="54">
    <mergeCell ref="B8:B28"/>
    <mergeCell ref="B35:B39"/>
    <mergeCell ref="B41:B43"/>
    <mergeCell ref="C50:AJ50"/>
    <mergeCell ref="U6:V6"/>
    <mergeCell ref="W6:X6"/>
    <mergeCell ref="Y6:Z6"/>
    <mergeCell ref="AA6:AB6"/>
    <mergeCell ref="AC6:AD6"/>
    <mergeCell ref="AE6:AF6"/>
    <mergeCell ref="AG6:AH6"/>
    <mergeCell ref="AI6:AJ6"/>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AA4:AB4"/>
    <mergeCell ref="AC4:AD4"/>
    <mergeCell ref="AE4:AF4"/>
    <mergeCell ref="AG4:AH4"/>
    <mergeCell ref="AI4:AJ4"/>
    <mergeCell ref="K5:L5"/>
    <mergeCell ref="M5:N5"/>
    <mergeCell ref="O5:P5"/>
    <mergeCell ref="Q5:R5"/>
    <mergeCell ref="S5:T5"/>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s>
  <phoneticPr fontId="3"/>
  <printOptions horizontalCentered="1"/>
  <pageMargins left="0.59055118110236227" right="0.59055118110236227" top="0.39370078740157483" bottom="0.59055118110236227" header="0" footer="0.19685039370078741"/>
  <pageSetup paperSize="9" scale="72" orientation="landscape" errors="blank" r:id="rId1"/>
  <headerFooter alignWithMargins="0"/>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C391ED2-5C20-41B2-BCF2-FFBFB8CDE726}">
  <sheetPr codeName="Sheet20">
    <tabColor indexed="52"/>
    <pageSetUpPr fitToPage="1"/>
  </sheetPr>
  <dimension ref="A1:AK50"/>
  <sheetViews>
    <sheetView view="pageBreakPreview" topLeftCell="A19" zoomScaleNormal="100" zoomScaleSheetLayoutView="100" workbookViewId="0">
      <selection sqref="A1:A50"/>
    </sheetView>
  </sheetViews>
  <sheetFormatPr defaultRowHeight="13.5" x14ac:dyDescent="0.15"/>
  <cols>
    <col min="1" max="1" width="4.375" style="1" customWidth="1"/>
    <col min="2" max="2" width="2.5" style="1" customWidth="1"/>
    <col min="3" max="3" width="6.625" style="28" customWidth="1"/>
    <col min="4" max="4" width="3.875" style="28" customWidth="1"/>
    <col min="5" max="32" width="4.875" style="28" customWidth="1"/>
    <col min="33" max="34" width="5.125" style="28" bestFit="1" customWidth="1"/>
    <col min="35" max="36" width="4.875" style="28" customWidth="1"/>
    <col min="37" max="37" width="9" style="28"/>
    <col min="38" max="16384" width="9" style="3"/>
  </cols>
  <sheetData>
    <row r="1" spans="1:37" ht="18.75" customHeight="1" x14ac:dyDescent="0.15">
      <c r="A1" s="553" t="s">
        <v>215</v>
      </c>
      <c r="B1" s="321" t="s">
        <v>216</v>
      </c>
      <c r="D1" s="322"/>
      <c r="E1" s="322"/>
      <c r="F1" s="322"/>
      <c r="G1" s="322"/>
      <c r="H1" s="322"/>
      <c r="I1" s="322"/>
      <c r="J1" s="322"/>
      <c r="K1" s="322"/>
      <c r="L1" s="322"/>
      <c r="M1" s="322"/>
      <c r="N1" s="322"/>
      <c r="O1" s="322"/>
      <c r="P1" s="322"/>
      <c r="Q1" s="322"/>
      <c r="R1" s="322"/>
      <c r="S1" s="322"/>
      <c r="T1" s="322"/>
      <c r="U1" s="322"/>
      <c r="V1" s="322"/>
      <c r="W1" s="322"/>
      <c r="X1" s="322"/>
      <c r="Y1" s="322"/>
      <c r="Z1" s="322"/>
      <c r="AA1" s="322"/>
      <c r="AB1" s="322"/>
      <c r="AC1" s="322"/>
      <c r="AD1" s="322"/>
      <c r="AE1" s="322"/>
      <c r="AF1" s="555" t="s">
        <v>165</v>
      </c>
      <c r="AG1" s="555"/>
      <c r="AH1" s="555"/>
      <c r="AI1" s="555"/>
      <c r="AJ1" s="555"/>
    </row>
    <row r="2" spans="1:37" s="326" customFormat="1" ht="3.75" customHeight="1" thickBot="1" x14ac:dyDescent="0.2">
      <c r="A2" s="553"/>
      <c r="B2" s="157"/>
      <c r="C2" s="324"/>
      <c r="D2" s="324"/>
      <c r="E2" s="324"/>
      <c r="F2" s="324"/>
      <c r="G2" s="324"/>
      <c r="H2" s="587"/>
      <c r="I2" s="587"/>
      <c r="J2" s="587"/>
      <c r="K2" s="587"/>
      <c r="L2" s="587"/>
      <c r="M2" s="324"/>
      <c r="N2" s="324"/>
      <c r="O2" s="324"/>
      <c r="P2" s="587"/>
      <c r="Q2" s="587"/>
      <c r="R2" s="587"/>
      <c r="S2" s="587"/>
      <c r="T2" s="587"/>
      <c r="U2" s="324"/>
      <c r="V2" s="324"/>
      <c r="W2" s="324"/>
      <c r="X2" s="324"/>
      <c r="Y2" s="324"/>
      <c r="Z2" s="324"/>
      <c r="AA2" s="324"/>
      <c r="AB2" s="159"/>
      <c r="AC2" s="159"/>
      <c r="AD2" s="159"/>
      <c r="AE2" s="159"/>
      <c r="AF2" s="325"/>
      <c r="AG2" s="325"/>
      <c r="AH2" s="325"/>
      <c r="AI2" s="325"/>
      <c r="AJ2" s="325"/>
      <c r="AK2" s="159"/>
    </row>
    <row r="3" spans="1:37" s="326" customFormat="1" ht="6" customHeight="1" x14ac:dyDescent="0.15">
      <c r="A3" s="553"/>
      <c r="B3" s="327"/>
      <c r="C3" s="591"/>
      <c r="D3" s="592"/>
      <c r="E3" s="328"/>
      <c r="F3" s="329"/>
      <c r="G3" s="330"/>
      <c r="H3" s="331"/>
      <c r="I3" s="328"/>
      <c r="J3" s="331"/>
      <c r="K3" s="328"/>
      <c r="L3" s="331"/>
      <c r="M3" s="328"/>
      <c r="N3" s="331"/>
      <c r="O3" s="328"/>
      <c r="P3" s="331"/>
      <c r="Q3" s="328"/>
      <c r="R3" s="331"/>
      <c r="S3" s="328"/>
      <c r="T3" s="330"/>
      <c r="U3" s="328"/>
      <c r="V3" s="331"/>
      <c r="W3" s="328"/>
      <c r="X3" s="331"/>
      <c r="Y3" s="328"/>
      <c r="Z3" s="331"/>
      <c r="AA3" s="328"/>
      <c r="AB3" s="331"/>
      <c r="AC3" s="328"/>
      <c r="AD3" s="330"/>
      <c r="AE3" s="328"/>
      <c r="AF3" s="331"/>
      <c r="AG3" s="328"/>
      <c r="AH3" s="331"/>
      <c r="AI3" s="328"/>
      <c r="AJ3" s="330"/>
      <c r="AK3" s="159"/>
    </row>
    <row r="4" spans="1:37" s="326" customFormat="1" ht="12" customHeight="1" x14ac:dyDescent="0.15">
      <c r="A4" s="553"/>
      <c r="B4" s="157"/>
      <c r="C4" s="593"/>
      <c r="D4" s="594"/>
      <c r="E4" s="589" t="s">
        <v>78</v>
      </c>
      <c r="F4" s="597"/>
      <c r="G4" s="598" t="s">
        <v>79</v>
      </c>
      <c r="H4" s="599"/>
      <c r="I4" s="589" t="s">
        <v>80</v>
      </c>
      <c r="J4" s="599"/>
      <c r="K4" s="589" t="s">
        <v>166</v>
      </c>
      <c r="L4" s="599"/>
      <c r="M4" s="589" t="s">
        <v>82</v>
      </c>
      <c r="N4" s="600"/>
      <c r="O4" s="589" t="s">
        <v>167</v>
      </c>
      <c r="P4" s="600"/>
      <c r="Q4" s="589" t="s">
        <v>168</v>
      </c>
      <c r="R4" s="600"/>
      <c r="S4" s="589" t="s">
        <v>169</v>
      </c>
      <c r="T4" s="600"/>
      <c r="U4" s="589" t="s">
        <v>170</v>
      </c>
      <c r="V4" s="600"/>
      <c r="W4" s="601" t="s">
        <v>171</v>
      </c>
      <c r="X4" s="602"/>
      <c r="Y4" s="589" t="s">
        <v>172</v>
      </c>
      <c r="Z4" s="590"/>
      <c r="AA4" s="601" t="s">
        <v>173</v>
      </c>
      <c r="AB4" s="602"/>
      <c r="AC4" s="589" t="s">
        <v>174</v>
      </c>
      <c r="AD4" s="590"/>
      <c r="AE4" s="589" t="s">
        <v>91</v>
      </c>
      <c r="AF4" s="590"/>
      <c r="AG4" s="589" t="s">
        <v>175</v>
      </c>
      <c r="AH4" s="590"/>
      <c r="AI4" s="589" t="s">
        <v>93</v>
      </c>
      <c r="AJ4" s="605"/>
      <c r="AK4" s="159"/>
    </row>
    <row r="5" spans="1:37" s="326" customFormat="1" ht="12" customHeight="1" x14ac:dyDescent="0.15">
      <c r="A5" s="553"/>
      <c r="B5" s="157"/>
      <c r="C5" s="593"/>
      <c r="D5" s="594"/>
      <c r="E5" s="332"/>
      <c r="F5" s="333"/>
      <c r="G5" s="334"/>
      <c r="H5" s="335"/>
      <c r="I5" s="332"/>
      <c r="J5" s="335"/>
      <c r="K5" s="601" t="s">
        <v>176</v>
      </c>
      <c r="L5" s="602"/>
      <c r="M5" s="603"/>
      <c r="N5" s="600"/>
      <c r="O5" s="604" t="s">
        <v>177</v>
      </c>
      <c r="P5" s="600"/>
      <c r="Q5" s="589" t="s">
        <v>178</v>
      </c>
      <c r="R5" s="600"/>
      <c r="S5" s="589" t="s">
        <v>179</v>
      </c>
      <c r="T5" s="600"/>
      <c r="U5" s="589" t="s">
        <v>180</v>
      </c>
      <c r="V5" s="600"/>
      <c r="W5" s="601" t="s">
        <v>181</v>
      </c>
      <c r="X5" s="602"/>
      <c r="Y5" s="601" t="s">
        <v>182</v>
      </c>
      <c r="Z5" s="602"/>
      <c r="AA5" s="589" t="s">
        <v>183</v>
      </c>
      <c r="AB5" s="600"/>
      <c r="AC5" s="589" t="s">
        <v>184</v>
      </c>
      <c r="AD5" s="590"/>
      <c r="AE5" s="589"/>
      <c r="AF5" s="600"/>
      <c r="AG5" s="589" t="s">
        <v>185</v>
      </c>
      <c r="AH5" s="600"/>
      <c r="AI5" s="589"/>
      <c r="AJ5" s="606"/>
      <c r="AK5" s="159"/>
    </row>
    <row r="6" spans="1:37" s="337" customFormat="1" ht="15" customHeight="1" x14ac:dyDescent="0.15">
      <c r="A6" s="553"/>
      <c r="B6" s="336"/>
      <c r="C6" s="593"/>
      <c r="D6" s="594"/>
      <c r="E6" s="607" t="s">
        <v>186</v>
      </c>
      <c r="F6" s="608"/>
      <c r="G6" s="609" t="s">
        <v>186</v>
      </c>
      <c r="H6" s="610"/>
      <c r="I6" s="607" t="s">
        <v>186</v>
      </c>
      <c r="J6" s="610"/>
      <c r="K6" s="607" t="s">
        <v>186</v>
      </c>
      <c r="L6" s="610"/>
      <c r="M6" s="607" t="s">
        <v>186</v>
      </c>
      <c r="N6" s="610"/>
      <c r="O6" s="607" t="s">
        <v>186</v>
      </c>
      <c r="P6" s="610"/>
      <c r="Q6" s="607" t="s">
        <v>186</v>
      </c>
      <c r="R6" s="610"/>
      <c r="S6" s="607" t="s">
        <v>186</v>
      </c>
      <c r="T6" s="610"/>
      <c r="U6" s="607" t="s">
        <v>186</v>
      </c>
      <c r="V6" s="610"/>
      <c r="W6" s="607" t="s">
        <v>186</v>
      </c>
      <c r="X6" s="610"/>
      <c r="Y6" s="607" t="s">
        <v>186</v>
      </c>
      <c r="Z6" s="610"/>
      <c r="AA6" s="607" t="s">
        <v>186</v>
      </c>
      <c r="AB6" s="610"/>
      <c r="AC6" s="607" t="s">
        <v>186</v>
      </c>
      <c r="AD6" s="610"/>
      <c r="AE6" s="607" t="s">
        <v>186</v>
      </c>
      <c r="AF6" s="610"/>
      <c r="AG6" s="607" t="s">
        <v>186</v>
      </c>
      <c r="AH6" s="610"/>
      <c r="AI6" s="607" t="s">
        <v>186</v>
      </c>
      <c r="AJ6" s="609"/>
      <c r="AK6" s="324"/>
    </row>
    <row r="7" spans="1:37" s="326" customFormat="1" ht="7.5" customHeight="1" x14ac:dyDescent="0.15">
      <c r="A7" s="553"/>
      <c r="B7" s="338"/>
      <c r="C7" s="595"/>
      <c r="D7" s="596"/>
      <c r="E7" s="339"/>
      <c r="F7" s="340" t="s">
        <v>142</v>
      </c>
      <c r="G7" s="341"/>
      <c r="H7" s="342" t="s">
        <v>142</v>
      </c>
      <c r="I7" s="339"/>
      <c r="J7" s="342" t="s">
        <v>142</v>
      </c>
      <c r="K7" s="339"/>
      <c r="L7" s="342" t="s">
        <v>142</v>
      </c>
      <c r="M7" s="339"/>
      <c r="N7" s="342" t="s">
        <v>142</v>
      </c>
      <c r="O7" s="339"/>
      <c r="P7" s="342" t="s">
        <v>142</v>
      </c>
      <c r="Q7" s="339"/>
      <c r="R7" s="342" t="s">
        <v>142</v>
      </c>
      <c r="S7" s="339"/>
      <c r="T7" s="342" t="s">
        <v>142</v>
      </c>
      <c r="U7" s="339"/>
      <c r="V7" s="342" t="s">
        <v>142</v>
      </c>
      <c r="W7" s="339"/>
      <c r="X7" s="342" t="s">
        <v>142</v>
      </c>
      <c r="Y7" s="339"/>
      <c r="Z7" s="342" t="s">
        <v>142</v>
      </c>
      <c r="AA7" s="339"/>
      <c r="AB7" s="342" t="s">
        <v>142</v>
      </c>
      <c r="AC7" s="339"/>
      <c r="AD7" s="342" t="s">
        <v>142</v>
      </c>
      <c r="AE7" s="339"/>
      <c r="AF7" s="342" t="s">
        <v>142</v>
      </c>
      <c r="AG7" s="339"/>
      <c r="AH7" s="342" t="s">
        <v>142</v>
      </c>
      <c r="AI7" s="339"/>
      <c r="AJ7" s="259" t="s">
        <v>142</v>
      </c>
      <c r="AK7" s="159"/>
    </row>
    <row r="8" spans="1:37" s="326" customFormat="1" ht="11.25" customHeight="1" x14ac:dyDescent="0.15">
      <c r="A8" s="553"/>
      <c r="B8" s="614" t="s">
        <v>187</v>
      </c>
      <c r="C8" s="343"/>
      <c r="D8" s="430"/>
      <c r="E8" s="264"/>
      <c r="F8" s="265"/>
      <c r="G8" s="264"/>
      <c r="H8" s="264"/>
      <c r="I8" s="264"/>
      <c r="J8" s="264"/>
      <c r="K8" s="264"/>
      <c r="L8" s="264"/>
      <c r="M8" s="264"/>
      <c r="N8" s="264"/>
      <c r="O8" s="264"/>
      <c r="P8" s="264"/>
      <c r="Q8" s="264"/>
      <c r="R8" s="264"/>
      <c r="S8" s="264"/>
      <c r="T8" s="264"/>
      <c r="U8" s="264"/>
      <c r="V8" s="264"/>
      <c r="W8" s="264"/>
      <c r="X8" s="264"/>
      <c r="Y8" s="264"/>
      <c r="Z8" s="264"/>
      <c r="AA8" s="264"/>
      <c r="AB8" s="264"/>
      <c r="AC8" s="264"/>
      <c r="AD8" s="264"/>
      <c r="AE8" s="264"/>
      <c r="AF8" s="264"/>
      <c r="AG8" s="264"/>
      <c r="AH8" s="264"/>
      <c r="AI8" s="264"/>
      <c r="AJ8" s="264"/>
      <c r="AK8" s="159"/>
    </row>
    <row r="9" spans="1:37" s="326" customFormat="1" ht="14.25" customHeight="1" x14ac:dyDescent="0.15">
      <c r="A9" s="553"/>
      <c r="B9" s="615"/>
      <c r="C9" s="347" t="s">
        <v>188</v>
      </c>
      <c r="D9" s="348" t="s">
        <v>189</v>
      </c>
      <c r="E9" s="349">
        <v>100.4</v>
      </c>
      <c r="F9" s="350">
        <v>-0.1</v>
      </c>
      <c r="G9" s="349">
        <v>102.8</v>
      </c>
      <c r="H9" s="349">
        <v>0.5</v>
      </c>
      <c r="I9" s="349">
        <v>104.4</v>
      </c>
      <c r="J9" s="349">
        <v>2.9</v>
      </c>
      <c r="K9" s="349">
        <v>101.9</v>
      </c>
      <c r="L9" s="349">
        <v>1.9</v>
      </c>
      <c r="M9" s="349">
        <v>102.9</v>
      </c>
      <c r="N9" s="349">
        <v>1</v>
      </c>
      <c r="O9" s="349">
        <v>97.5</v>
      </c>
      <c r="P9" s="349">
        <v>-0.5</v>
      </c>
      <c r="Q9" s="349">
        <v>98.7</v>
      </c>
      <c r="R9" s="349">
        <v>0.9</v>
      </c>
      <c r="S9" s="349">
        <v>97.8</v>
      </c>
      <c r="T9" s="349">
        <v>-1</v>
      </c>
      <c r="U9" s="349">
        <v>102.3</v>
      </c>
      <c r="V9" s="349">
        <v>-4</v>
      </c>
      <c r="W9" s="349">
        <v>98.5</v>
      </c>
      <c r="X9" s="349">
        <v>-2</v>
      </c>
      <c r="Y9" s="349">
        <v>114.6</v>
      </c>
      <c r="Z9" s="349">
        <v>13.7</v>
      </c>
      <c r="AA9" s="349">
        <v>112</v>
      </c>
      <c r="AB9" s="349">
        <v>1.2</v>
      </c>
      <c r="AC9" s="349">
        <v>92</v>
      </c>
      <c r="AD9" s="349">
        <v>-12.1</v>
      </c>
      <c r="AE9" s="349">
        <v>101.5</v>
      </c>
      <c r="AF9" s="349">
        <v>4.5999999999999996</v>
      </c>
      <c r="AG9" s="349">
        <v>97</v>
      </c>
      <c r="AH9" s="349">
        <v>-2.6</v>
      </c>
      <c r="AI9" s="349">
        <v>98.2</v>
      </c>
      <c r="AJ9" s="349">
        <v>-4.5</v>
      </c>
      <c r="AK9" s="159"/>
    </row>
    <row r="10" spans="1:37" s="326" customFormat="1" ht="14.25" customHeight="1" x14ac:dyDescent="0.15">
      <c r="A10" s="553"/>
      <c r="B10" s="615"/>
      <c r="C10" s="347" t="s">
        <v>188</v>
      </c>
      <c r="D10" s="348" t="s">
        <v>190</v>
      </c>
      <c r="E10" s="351">
        <v>101</v>
      </c>
      <c r="F10" s="352">
        <v>0.6</v>
      </c>
      <c r="G10" s="351">
        <v>104.6</v>
      </c>
      <c r="H10" s="351">
        <v>1.8</v>
      </c>
      <c r="I10" s="351">
        <v>104.8</v>
      </c>
      <c r="J10" s="351">
        <v>0.4</v>
      </c>
      <c r="K10" s="351">
        <v>102</v>
      </c>
      <c r="L10" s="351">
        <v>0.1</v>
      </c>
      <c r="M10" s="351">
        <v>104.9</v>
      </c>
      <c r="N10" s="351">
        <v>1.9</v>
      </c>
      <c r="O10" s="351">
        <v>102.1</v>
      </c>
      <c r="P10" s="351">
        <v>4.7</v>
      </c>
      <c r="Q10" s="351">
        <v>99.1</v>
      </c>
      <c r="R10" s="351">
        <v>0.4</v>
      </c>
      <c r="S10" s="351">
        <v>97.2</v>
      </c>
      <c r="T10" s="351">
        <v>-0.6</v>
      </c>
      <c r="U10" s="351">
        <v>105.8</v>
      </c>
      <c r="V10" s="351">
        <v>3.4</v>
      </c>
      <c r="W10" s="351">
        <v>98.8</v>
      </c>
      <c r="X10" s="351">
        <v>0.3</v>
      </c>
      <c r="Y10" s="351">
        <v>113.9</v>
      </c>
      <c r="Z10" s="351">
        <v>-0.6</v>
      </c>
      <c r="AA10" s="351">
        <v>111.5</v>
      </c>
      <c r="AB10" s="351">
        <v>-0.4</v>
      </c>
      <c r="AC10" s="351">
        <v>95.9</v>
      </c>
      <c r="AD10" s="351">
        <v>4.2</v>
      </c>
      <c r="AE10" s="351">
        <v>102.8</v>
      </c>
      <c r="AF10" s="351">
        <v>1.3</v>
      </c>
      <c r="AG10" s="351">
        <v>100</v>
      </c>
      <c r="AH10" s="351">
        <v>3.1</v>
      </c>
      <c r="AI10" s="351">
        <v>96.9</v>
      </c>
      <c r="AJ10" s="351">
        <v>-1.3</v>
      </c>
      <c r="AK10" s="159"/>
    </row>
    <row r="11" spans="1:37" s="326" customFormat="1" ht="14.25" customHeight="1" x14ac:dyDescent="0.15">
      <c r="A11" s="553"/>
      <c r="B11" s="615"/>
      <c r="C11" s="347" t="s">
        <v>188</v>
      </c>
      <c r="D11" s="348" t="s">
        <v>191</v>
      </c>
      <c r="E11" s="349">
        <v>100.7</v>
      </c>
      <c r="F11" s="350">
        <v>-1.2</v>
      </c>
      <c r="G11" s="349">
        <v>105.8</v>
      </c>
      <c r="H11" s="349">
        <v>1</v>
      </c>
      <c r="I11" s="349">
        <v>102.1</v>
      </c>
      <c r="J11" s="349">
        <v>-2.9</v>
      </c>
      <c r="K11" s="349">
        <v>102.3</v>
      </c>
      <c r="L11" s="349">
        <v>0.1</v>
      </c>
      <c r="M11" s="349">
        <v>102.9</v>
      </c>
      <c r="N11" s="349">
        <v>-2</v>
      </c>
      <c r="O11" s="349">
        <v>100.8</v>
      </c>
      <c r="P11" s="349">
        <v>-1.3</v>
      </c>
      <c r="Q11" s="349">
        <v>95.6</v>
      </c>
      <c r="R11" s="349">
        <v>-3.4</v>
      </c>
      <c r="S11" s="349">
        <v>95.7</v>
      </c>
      <c r="T11" s="349">
        <v>-1.7</v>
      </c>
      <c r="U11" s="349">
        <v>108.5</v>
      </c>
      <c r="V11" s="349">
        <v>2.4</v>
      </c>
      <c r="W11" s="349">
        <v>98.4</v>
      </c>
      <c r="X11" s="349">
        <v>-1.1000000000000001</v>
      </c>
      <c r="Y11" s="349">
        <v>103</v>
      </c>
      <c r="Z11" s="349">
        <v>-8.3000000000000007</v>
      </c>
      <c r="AA11" s="349">
        <v>112.2</v>
      </c>
      <c r="AB11" s="349">
        <v>0.1</v>
      </c>
      <c r="AC11" s="349">
        <v>97.3</v>
      </c>
      <c r="AD11" s="349">
        <v>-2.6</v>
      </c>
      <c r="AE11" s="349">
        <v>105.4</v>
      </c>
      <c r="AF11" s="349">
        <v>2.5</v>
      </c>
      <c r="AG11" s="349">
        <v>98.9</v>
      </c>
      <c r="AH11" s="349">
        <v>-0.8</v>
      </c>
      <c r="AI11" s="349">
        <v>101.6</v>
      </c>
      <c r="AJ11" s="349">
        <v>4.7</v>
      </c>
      <c r="AK11" s="159"/>
    </row>
    <row r="12" spans="1:37" s="326" customFormat="1" ht="14.25" customHeight="1" x14ac:dyDescent="0.15">
      <c r="A12" s="553"/>
      <c r="B12" s="615"/>
      <c r="C12" s="347" t="s">
        <v>188</v>
      </c>
      <c r="D12" s="348" t="s">
        <v>192</v>
      </c>
      <c r="E12" s="351">
        <v>98.6</v>
      </c>
      <c r="F12" s="352">
        <v>-2.1</v>
      </c>
      <c r="G12" s="351">
        <v>104</v>
      </c>
      <c r="H12" s="351">
        <v>-1.7</v>
      </c>
      <c r="I12" s="351">
        <v>101.7</v>
      </c>
      <c r="J12" s="351">
        <v>-0.4</v>
      </c>
      <c r="K12" s="351">
        <v>101.5</v>
      </c>
      <c r="L12" s="351">
        <v>-0.8</v>
      </c>
      <c r="M12" s="351">
        <v>103.3</v>
      </c>
      <c r="N12" s="351">
        <v>0.4</v>
      </c>
      <c r="O12" s="351">
        <v>92.6</v>
      </c>
      <c r="P12" s="351">
        <v>-8.1</v>
      </c>
      <c r="Q12" s="351">
        <v>92.7</v>
      </c>
      <c r="R12" s="351">
        <v>-3</v>
      </c>
      <c r="S12" s="351">
        <v>98.5</v>
      </c>
      <c r="T12" s="351">
        <v>2.9</v>
      </c>
      <c r="U12" s="351">
        <v>100.8</v>
      </c>
      <c r="V12" s="351">
        <v>-7.1</v>
      </c>
      <c r="W12" s="351">
        <v>96.4</v>
      </c>
      <c r="X12" s="351">
        <v>-2</v>
      </c>
      <c r="Y12" s="351">
        <v>103.2</v>
      </c>
      <c r="Z12" s="351">
        <v>0.2</v>
      </c>
      <c r="AA12" s="351">
        <v>113.8</v>
      </c>
      <c r="AB12" s="351">
        <v>1.4</v>
      </c>
      <c r="AC12" s="351">
        <v>111.2</v>
      </c>
      <c r="AD12" s="351">
        <v>14.3</v>
      </c>
      <c r="AE12" s="351">
        <v>98.2</v>
      </c>
      <c r="AF12" s="351">
        <v>-6.8</v>
      </c>
      <c r="AG12" s="351">
        <v>100.8</v>
      </c>
      <c r="AH12" s="351">
        <v>1.9</v>
      </c>
      <c r="AI12" s="351">
        <v>99.6</v>
      </c>
      <c r="AJ12" s="351">
        <v>-2</v>
      </c>
      <c r="AK12" s="159"/>
    </row>
    <row r="13" spans="1:37" s="326" customFormat="1" ht="14.25" customHeight="1" x14ac:dyDescent="0.15">
      <c r="A13" s="553"/>
      <c r="B13" s="615"/>
      <c r="C13" s="347"/>
      <c r="D13" s="348"/>
      <c r="E13" s="351"/>
      <c r="F13" s="352"/>
      <c r="G13" s="351"/>
      <c r="H13" s="351"/>
      <c r="I13" s="351"/>
      <c r="J13" s="351"/>
      <c r="K13" s="351"/>
      <c r="L13" s="351"/>
      <c r="M13" s="351"/>
      <c r="N13" s="351"/>
      <c r="O13" s="351"/>
      <c r="P13" s="351"/>
      <c r="Q13" s="351"/>
      <c r="R13" s="351"/>
      <c r="S13" s="351"/>
      <c r="T13" s="351"/>
      <c r="U13" s="351"/>
      <c r="V13" s="351"/>
      <c r="W13" s="351"/>
      <c r="X13" s="351"/>
      <c r="Y13" s="351"/>
      <c r="Z13" s="351"/>
      <c r="AA13" s="351"/>
      <c r="AB13" s="351"/>
      <c r="AC13" s="351"/>
      <c r="AD13" s="351"/>
      <c r="AE13" s="351"/>
      <c r="AF13" s="351"/>
      <c r="AG13" s="351"/>
      <c r="AH13" s="351"/>
      <c r="AI13" s="351"/>
      <c r="AJ13" s="351"/>
      <c r="AK13" s="159"/>
    </row>
    <row r="14" spans="1:37" s="326" customFormat="1" ht="15" customHeight="1" x14ac:dyDescent="0.15">
      <c r="A14" s="553"/>
      <c r="B14" s="615"/>
      <c r="C14" s="347" t="s">
        <v>193</v>
      </c>
      <c r="D14" s="348" t="s">
        <v>194</v>
      </c>
      <c r="E14" s="349">
        <v>94</v>
      </c>
      <c r="F14" s="350">
        <v>-1.4</v>
      </c>
      <c r="G14" s="349">
        <v>100.8</v>
      </c>
      <c r="H14" s="349">
        <v>1.4</v>
      </c>
      <c r="I14" s="349">
        <v>95</v>
      </c>
      <c r="J14" s="349">
        <v>2.8</v>
      </c>
      <c r="K14" s="349">
        <v>98.2</v>
      </c>
      <c r="L14" s="349">
        <v>2.9</v>
      </c>
      <c r="M14" s="349">
        <v>102.6</v>
      </c>
      <c r="N14" s="349">
        <v>4.0999999999999996</v>
      </c>
      <c r="O14" s="349">
        <v>88.9</v>
      </c>
      <c r="P14" s="349">
        <v>-8.6999999999999993</v>
      </c>
      <c r="Q14" s="349">
        <v>88.9</v>
      </c>
      <c r="R14" s="349">
        <v>-2.9</v>
      </c>
      <c r="S14" s="349">
        <v>91.5</v>
      </c>
      <c r="T14" s="349">
        <v>4.9000000000000004</v>
      </c>
      <c r="U14" s="349">
        <v>97.5</v>
      </c>
      <c r="V14" s="349">
        <v>-2.8</v>
      </c>
      <c r="W14" s="349">
        <v>90.4</v>
      </c>
      <c r="X14" s="349">
        <v>0</v>
      </c>
      <c r="Y14" s="349">
        <v>102.4</v>
      </c>
      <c r="Z14" s="349">
        <v>-3.1</v>
      </c>
      <c r="AA14" s="349">
        <v>103.5</v>
      </c>
      <c r="AB14" s="349">
        <v>-5.0999999999999996</v>
      </c>
      <c r="AC14" s="349">
        <v>106</v>
      </c>
      <c r="AD14" s="349">
        <v>15.3</v>
      </c>
      <c r="AE14" s="349">
        <v>93.4</v>
      </c>
      <c r="AF14" s="349">
        <v>-8.5</v>
      </c>
      <c r="AG14" s="349">
        <v>97.5</v>
      </c>
      <c r="AH14" s="349">
        <v>-1.7</v>
      </c>
      <c r="AI14" s="349">
        <v>95</v>
      </c>
      <c r="AJ14" s="349">
        <v>2.2000000000000002</v>
      </c>
      <c r="AK14" s="159"/>
    </row>
    <row r="15" spans="1:37" s="326" customFormat="1" ht="15" customHeight="1" x14ac:dyDescent="0.15">
      <c r="A15" s="553"/>
      <c r="B15" s="615"/>
      <c r="C15" s="347"/>
      <c r="D15" s="348" t="s">
        <v>195</v>
      </c>
      <c r="E15" s="351">
        <v>93.9</v>
      </c>
      <c r="F15" s="352">
        <v>-5.3</v>
      </c>
      <c r="G15" s="351">
        <v>101.1</v>
      </c>
      <c r="H15" s="351">
        <v>-5.8</v>
      </c>
      <c r="I15" s="351">
        <v>99.4</v>
      </c>
      <c r="J15" s="351">
        <v>-3.4</v>
      </c>
      <c r="K15" s="351">
        <v>94.5</v>
      </c>
      <c r="L15" s="351">
        <v>-2.7</v>
      </c>
      <c r="M15" s="351">
        <v>94.7</v>
      </c>
      <c r="N15" s="351">
        <v>-4.0999999999999996</v>
      </c>
      <c r="O15" s="351">
        <v>90.2</v>
      </c>
      <c r="P15" s="351">
        <v>-9.9</v>
      </c>
      <c r="Q15" s="351">
        <v>87.9</v>
      </c>
      <c r="R15" s="351">
        <v>-6.2</v>
      </c>
      <c r="S15" s="351">
        <v>89.7</v>
      </c>
      <c r="T15" s="351">
        <v>2.7</v>
      </c>
      <c r="U15" s="351">
        <v>95.6</v>
      </c>
      <c r="V15" s="351">
        <v>-12.9</v>
      </c>
      <c r="W15" s="351">
        <v>93.4</v>
      </c>
      <c r="X15" s="351">
        <v>-3.4</v>
      </c>
      <c r="Y15" s="351">
        <v>96.5</v>
      </c>
      <c r="Z15" s="351">
        <v>-7.7</v>
      </c>
      <c r="AA15" s="351">
        <v>98</v>
      </c>
      <c r="AB15" s="351">
        <v>-3.1</v>
      </c>
      <c r="AC15" s="351">
        <v>105.9</v>
      </c>
      <c r="AD15" s="351">
        <v>9</v>
      </c>
      <c r="AE15" s="351">
        <v>92.4</v>
      </c>
      <c r="AF15" s="351">
        <v>-9.1999999999999993</v>
      </c>
      <c r="AG15" s="351">
        <v>89.1</v>
      </c>
      <c r="AH15" s="351">
        <v>-2.5</v>
      </c>
      <c r="AI15" s="351">
        <v>96.7</v>
      </c>
      <c r="AJ15" s="351">
        <v>-5.4</v>
      </c>
      <c r="AK15" s="159"/>
    </row>
    <row r="16" spans="1:37" s="326" customFormat="1" ht="15" customHeight="1" x14ac:dyDescent="0.15">
      <c r="A16" s="553"/>
      <c r="B16" s="615"/>
      <c r="C16" s="347"/>
      <c r="D16" s="348" t="s">
        <v>196</v>
      </c>
      <c r="E16" s="349">
        <v>97</v>
      </c>
      <c r="F16" s="350">
        <v>-3.1</v>
      </c>
      <c r="G16" s="349">
        <v>103.5</v>
      </c>
      <c r="H16" s="349">
        <v>-1.6</v>
      </c>
      <c r="I16" s="349">
        <v>99.7</v>
      </c>
      <c r="J16" s="349">
        <v>-2.9</v>
      </c>
      <c r="K16" s="349">
        <v>96.7</v>
      </c>
      <c r="L16" s="349">
        <v>-4.7</v>
      </c>
      <c r="M16" s="349">
        <v>103.9</v>
      </c>
      <c r="N16" s="349">
        <v>1.9</v>
      </c>
      <c r="O16" s="349">
        <v>92.2</v>
      </c>
      <c r="P16" s="349">
        <v>-10.5</v>
      </c>
      <c r="Q16" s="349">
        <v>89.5</v>
      </c>
      <c r="R16" s="349">
        <v>-4.7</v>
      </c>
      <c r="S16" s="349">
        <v>98.1</v>
      </c>
      <c r="T16" s="349">
        <v>8.3000000000000007</v>
      </c>
      <c r="U16" s="349">
        <v>103.1</v>
      </c>
      <c r="V16" s="349">
        <v>-4.5</v>
      </c>
      <c r="W16" s="349">
        <v>96.2</v>
      </c>
      <c r="X16" s="349">
        <v>-1.9</v>
      </c>
      <c r="Y16" s="349">
        <v>102.7</v>
      </c>
      <c r="Z16" s="349">
        <v>-2.2999999999999998</v>
      </c>
      <c r="AA16" s="349">
        <v>103.9</v>
      </c>
      <c r="AB16" s="349">
        <v>-3.3</v>
      </c>
      <c r="AC16" s="349">
        <v>107.1</v>
      </c>
      <c r="AD16" s="349">
        <v>13.1</v>
      </c>
      <c r="AE16" s="349">
        <v>96.4</v>
      </c>
      <c r="AF16" s="349">
        <v>-7</v>
      </c>
      <c r="AG16" s="349">
        <v>99.4</v>
      </c>
      <c r="AH16" s="349">
        <v>-1.3</v>
      </c>
      <c r="AI16" s="349">
        <v>100.8</v>
      </c>
      <c r="AJ16" s="349">
        <v>-1.7</v>
      </c>
      <c r="AK16" s="159"/>
    </row>
    <row r="17" spans="1:37" s="326" customFormat="1" ht="15" customHeight="1" x14ac:dyDescent="0.15">
      <c r="A17" s="553"/>
      <c r="B17" s="615"/>
      <c r="C17" s="347"/>
      <c r="D17" s="348" t="s">
        <v>197</v>
      </c>
      <c r="E17" s="351">
        <v>101.2</v>
      </c>
      <c r="F17" s="352">
        <v>-2.4</v>
      </c>
      <c r="G17" s="351">
        <v>110</v>
      </c>
      <c r="H17" s="351">
        <v>2.4</v>
      </c>
      <c r="I17" s="351">
        <v>103.6</v>
      </c>
      <c r="J17" s="351">
        <v>-0.6</v>
      </c>
      <c r="K17" s="351">
        <v>106.5</v>
      </c>
      <c r="L17" s="351">
        <v>1.2</v>
      </c>
      <c r="M17" s="351">
        <v>104.6</v>
      </c>
      <c r="N17" s="351">
        <v>1.1000000000000001</v>
      </c>
      <c r="O17" s="351">
        <v>95.7</v>
      </c>
      <c r="P17" s="351">
        <v>-10</v>
      </c>
      <c r="Q17" s="351">
        <v>93.4</v>
      </c>
      <c r="R17" s="351">
        <v>-4.5</v>
      </c>
      <c r="S17" s="351">
        <v>104.1</v>
      </c>
      <c r="T17" s="351">
        <v>3.3</v>
      </c>
      <c r="U17" s="351">
        <v>107.8</v>
      </c>
      <c r="V17" s="351">
        <v>-3.8</v>
      </c>
      <c r="W17" s="351">
        <v>98.2</v>
      </c>
      <c r="X17" s="351">
        <v>-1.9</v>
      </c>
      <c r="Y17" s="351">
        <v>102.8</v>
      </c>
      <c r="Z17" s="351">
        <v>-5.9</v>
      </c>
      <c r="AA17" s="351">
        <v>108.8</v>
      </c>
      <c r="AB17" s="351">
        <v>-7.7</v>
      </c>
      <c r="AC17" s="351">
        <v>122.9</v>
      </c>
      <c r="AD17" s="351">
        <v>17.8</v>
      </c>
      <c r="AE17" s="351">
        <v>100.3</v>
      </c>
      <c r="AF17" s="351">
        <v>-6.6</v>
      </c>
      <c r="AG17" s="351">
        <v>104.4</v>
      </c>
      <c r="AH17" s="351">
        <v>1</v>
      </c>
      <c r="AI17" s="351">
        <v>102.6</v>
      </c>
      <c r="AJ17" s="351">
        <v>-1.3</v>
      </c>
      <c r="AK17" s="159"/>
    </row>
    <row r="18" spans="1:37" s="326" customFormat="1" ht="15" customHeight="1" x14ac:dyDescent="0.15">
      <c r="A18" s="553"/>
      <c r="B18" s="615"/>
      <c r="C18" s="347"/>
      <c r="D18" s="348" t="s">
        <v>198</v>
      </c>
      <c r="E18" s="349">
        <v>98.6</v>
      </c>
      <c r="F18" s="350">
        <v>-2.4</v>
      </c>
      <c r="G18" s="349">
        <v>101.8</v>
      </c>
      <c r="H18" s="349">
        <v>0.8</v>
      </c>
      <c r="I18" s="349">
        <v>97.9</v>
      </c>
      <c r="J18" s="349">
        <v>-0.7</v>
      </c>
      <c r="K18" s="349">
        <v>102.4</v>
      </c>
      <c r="L18" s="349">
        <v>-3.7</v>
      </c>
      <c r="M18" s="349">
        <v>103.4</v>
      </c>
      <c r="N18" s="349">
        <v>-1.6</v>
      </c>
      <c r="O18" s="349">
        <v>91.6</v>
      </c>
      <c r="P18" s="349">
        <v>-8.4</v>
      </c>
      <c r="Q18" s="349">
        <v>93.2</v>
      </c>
      <c r="R18" s="349">
        <v>-1.5</v>
      </c>
      <c r="S18" s="349">
        <v>102.4</v>
      </c>
      <c r="T18" s="349">
        <v>1.1000000000000001</v>
      </c>
      <c r="U18" s="349">
        <v>100.7</v>
      </c>
      <c r="V18" s="349">
        <v>-4.0999999999999996</v>
      </c>
      <c r="W18" s="349">
        <v>94.9</v>
      </c>
      <c r="X18" s="349">
        <v>-3.7</v>
      </c>
      <c r="Y18" s="349">
        <v>104.8</v>
      </c>
      <c r="Z18" s="349">
        <v>1.6</v>
      </c>
      <c r="AA18" s="349">
        <v>113.4</v>
      </c>
      <c r="AB18" s="349">
        <v>-0.4</v>
      </c>
      <c r="AC18" s="349">
        <v>117.9</v>
      </c>
      <c r="AD18" s="349">
        <v>14.8</v>
      </c>
      <c r="AE18" s="349">
        <v>99.6</v>
      </c>
      <c r="AF18" s="349">
        <v>-8.9</v>
      </c>
      <c r="AG18" s="349">
        <v>100.3</v>
      </c>
      <c r="AH18" s="349">
        <v>-3.9</v>
      </c>
      <c r="AI18" s="349">
        <v>98.4</v>
      </c>
      <c r="AJ18" s="349">
        <v>-2.6</v>
      </c>
      <c r="AK18" s="159"/>
    </row>
    <row r="19" spans="1:37" s="326" customFormat="1" ht="15" customHeight="1" x14ac:dyDescent="0.15">
      <c r="A19" s="553"/>
      <c r="B19" s="615"/>
      <c r="C19" s="347"/>
      <c r="D19" s="348" t="s">
        <v>199</v>
      </c>
      <c r="E19" s="351">
        <v>101.6</v>
      </c>
      <c r="F19" s="352">
        <v>-0.8</v>
      </c>
      <c r="G19" s="351">
        <v>104.8</v>
      </c>
      <c r="H19" s="351">
        <v>-2.2000000000000002</v>
      </c>
      <c r="I19" s="351">
        <v>104.8</v>
      </c>
      <c r="J19" s="351">
        <v>0.6</v>
      </c>
      <c r="K19" s="351">
        <v>105.8</v>
      </c>
      <c r="L19" s="351">
        <v>3.8</v>
      </c>
      <c r="M19" s="351">
        <v>101.7</v>
      </c>
      <c r="N19" s="351">
        <v>-1.2</v>
      </c>
      <c r="O19" s="351">
        <v>96.3</v>
      </c>
      <c r="P19" s="351">
        <v>-7.8</v>
      </c>
      <c r="Q19" s="351">
        <v>95.1</v>
      </c>
      <c r="R19" s="351">
        <v>-0.5</v>
      </c>
      <c r="S19" s="351">
        <v>105.5</v>
      </c>
      <c r="T19" s="351">
        <v>8.1999999999999993</v>
      </c>
      <c r="U19" s="351">
        <v>105.4</v>
      </c>
      <c r="V19" s="351">
        <v>-1.9</v>
      </c>
      <c r="W19" s="351">
        <v>100.1</v>
      </c>
      <c r="X19" s="351">
        <v>1.3</v>
      </c>
      <c r="Y19" s="351">
        <v>100.9</v>
      </c>
      <c r="Z19" s="351">
        <v>-2.6</v>
      </c>
      <c r="AA19" s="351">
        <v>121.8</v>
      </c>
      <c r="AB19" s="351">
        <v>6.6</v>
      </c>
      <c r="AC19" s="351">
        <v>118</v>
      </c>
      <c r="AD19" s="351">
        <v>17.8</v>
      </c>
      <c r="AE19" s="351">
        <v>100.7</v>
      </c>
      <c r="AF19" s="351">
        <v>-6.4</v>
      </c>
      <c r="AG19" s="351">
        <v>104.4</v>
      </c>
      <c r="AH19" s="351">
        <v>7</v>
      </c>
      <c r="AI19" s="351">
        <v>103.1</v>
      </c>
      <c r="AJ19" s="351">
        <v>-1.4</v>
      </c>
      <c r="AK19" s="159"/>
    </row>
    <row r="20" spans="1:37" s="326" customFormat="1" ht="15" customHeight="1" x14ac:dyDescent="0.15">
      <c r="A20" s="553"/>
      <c r="B20" s="615"/>
      <c r="C20" s="347"/>
      <c r="D20" s="348" t="s">
        <v>200</v>
      </c>
      <c r="E20" s="349">
        <v>104</v>
      </c>
      <c r="F20" s="350">
        <v>-0.5</v>
      </c>
      <c r="G20" s="349">
        <v>111.4</v>
      </c>
      <c r="H20" s="349">
        <v>-0.4</v>
      </c>
      <c r="I20" s="349">
        <v>109.6</v>
      </c>
      <c r="J20" s="349">
        <v>2.4</v>
      </c>
      <c r="K20" s="349">
        <v>111.8</v>
      </c>
      <c r="L20" s="349">
        <v>5.7</v>
      </c>
      <c r="M20" s="349">
        <v>110.3</v>
      </c>
      <c r="N20" s="349">
        <v>2.7</v>
      </c>
      <c r="O20" s="349">
        <v>94.7</v>
      </c>
      <c r="P20" s="349">
        <v>-5.2</v>
      </c>
      <c r="Q20" s="349">
        <v>96.3</v>
      </c>
      <c r="R20" s="349">
        <v>-1.5</v>
      </c>
      <c r="S20" s="349">
        <v>104.5</v>
      </c>
      <c r="T20" s="349">
        <v>0.4</v>
      </c>
      <c r="U20" s="349">
        <v>105</v>
      </c>
      <c r="V20" s="349">
        <v>-5.2</v>
      </c>
      <c r="W20" s="349">
        <v>105.3</v>
      </c>
      <c r="X20" s="349">
        <v>-1.1000000000000001</v>
      </c>
      <c r="Y20" s="349">
        <v>104.7</v>
      </c>
      <c r="Z20" s="349">
        <v>1.6</v>
      </c>
      <c r="AA20" s="349">
        <v>120.9</v>
      </c>
      <c r="AB20" s="349">
        <v>7.3</v>
      </c>
      <c r="AC20" s="349">
        <v>115.5</v>
      </c>
      <c r="AD20" s="349">
        <v>13.2</v>
      </c>
      <c r="AE20" s="349">
        <v>103.3</v>
      </c>
      <c r="AF20" s="349">
        <v>-6</v>
      </c>
      <c r="AG20" s="349">
        <v>108.2</v>
      </c>
      <c r="AH20" s="349">
        <v>5.3</v>
      </c>
      <c r="AI20" s="349">
        <v>104.9</v>
      </c>
      <c r="AJ20" s="349">
        <v>-1.5</v>
      </c>
      <c r="AK20" s="159"/>
    </row>
    <row r="21" spans="1:37" s="326" customFormat="1" ht="15" customHeight="1" x14ac:dyDescent="0.15">
      <c r="A21" s="553"/>
      <c r="B21" s="615"/>
      <c r="C21" s="347"/>
      <c r="D21" s="348" t="s">
        <v>201</v>
      </c>
      <c r="E21" s="351">
        <v>93.6</v>
      </c>
      <c r="F21" s="352">
        <v>-3.8</v>
      </c>
      <c r="G21" s="351">
        <v>95.8</v>
      </c>
      <c r="H21" s="351">
        <v>-8.1</v>
      </c>
      <c r="I21" s="351">
        <v>94.2</v>
      </c>
      <c r="J21" s="351">
        <v>-2</v>
      </c>
      <c r="K21" s="351">
        <v>99.8</v>
      </c>
      <c r="L21" s="351">
        <v>-4.3</v>
      </c>
      <c r="M21" s="351">
        <v>102.8</v>
      </c>
      <c r="N21" s="351">
        <v>-1.3</v>
      </c>
      <c r="O21" s="351">
        <v>88.6</v>
      </c>
      <c r="P21" s="351">
        <v>-9.1</v>
      </c>
      <c r="Q21" s="351">
        <v>92.1</v>
      </c>
      <c r="R21" s="351">
        <v>-3</v>
      </c>
      <c r="S21" s="351">
        <v>92.8</v>
      </c>
      <c r="T21" s="351">
        <v>1.1000000000000001</v>
      </c>
      <c r="U21" s="351">
        <v>93.3</v>
      </c>
      <c r="V21" s="351">
        <v>-13.8</v>
      </c>
      <c r="W21" s="351">
        <v>86.7</v>
      </c>
      <c r="X21" s="351">
        <v>-6.5</v>
      </c>
      <c r="Y21" s="351">
        <v>106.1</v>
      </c>
      <c r="Z21" s="351">
        <v>4.9000000000000004</v>
      </c>
      <c r="AA21" s="351">
        <v>121.6</v>
      </c>
      <c r="AB21" s="351">
        <v>4.4000000000000004</v>
      </c>
      <c r="AC21" s="351">
        <v>79.8</v>
      </c>
      <c r="AD21" s="351">
        <v>11.3</v>
      </c>
      <c r="AE21" s="351">
        <v>97.8</v>
      </c>
      <c r="AF21" s="351">
        <v>-7.9</v>
      </c>
      <c r="AG21" s="351">
        <v>99.7</v>
      </c>
      <c r="AH21" s="351">
        <v>3.5</v>
      </c>
      <c r="AI21" s="351">
        <v>93.3</v>
      </c>
      <c r="AJ21" s="351">
        <v>-3.4</v>
      </c>
      <c r="AK21" s="159"/>
    </row>
    <row r="22" spans="1:37" s="326" customFormat="1" ht="15" customHeight="1" x14ac:dyDescent="0.15">
      <c r="A22" s="553"/>
      <c r="B22" s="615"/>
      <c r="C22" s="347"/>
      <c r="D22" s="348" t="s">
        <v>202</v>
      </c>
      <c r="E22" s="349">
        <v>98.2</v>
      </c>
      <c r="F22" s="350">
        <v>-1.4</v>
      </c>
      <c r="G22" s="349">
        <v>100.8</v>
      </c>
      <c r="H22" s="349">
        <v>-4.3</v>
      </c>
      <c r="I22" s="349">
        <v>101.3</v>
      </c>
      <c r="J22" s="349">
        <v>-0.2</v>
      </c>
      <c r="K22" s="349">
        <v>102.7</v>
      </c>
      <c r="L22" s="349">
        <v>2.4</v>
      </c>
      <c r="M22" s="349">
        <v>99.2</v>
      </c>
      <c r="N22" s="349">
        <v>0.8</v>
      </c>
      <c r="O22" s="349">
        <v>91.1</v>
      </c>
      <c r="P22" s="349">
        <v>-7.2</v>
      </c>
      <c r="Q22" s="349">
        <v>92.9</v>
      </c>
      <c r="R22" s="349">
        <v>-3.5</v>
      </c>
      <c r="S22" s="349">
        <v>97.1</v>
      </c>
      <c r="T22" s="349">
        <v>7.2</v>
      </c>
      <c r="U22" s="349">
        <v>98.6</v>
      </c>
      <c r="V22" s="349">
        <v>-10.8</v>
      </c>
      <c r="W22" s="349">
        <v>94.7</v>
      </c>
      <c r="X22" s="349">
        <v>-1.5</v>
      </c>
      <c r="Y22" s="349">
        <v>103.3</v>
      </c>
      <c r="Z22" s="349">
        <v>5</v>
      </c>
      <c r="AA22" s="349">
        <v>120.4</v>
      </c>
      <c r="AB22" s="349">
        <v>6.7</v>
      </c>
      <c r="AC22" s="349">
        <v>115.6</v>
      </c>
      <c r="AD22" s="349">
        <v>19.399999999999999</v>
      </c>
      <c r="AE22" s="349">
        <v>97.2</v>
      </c>
      <c r="AF22" s="349">
        <v>-6.7</v>
      </c>
      <c r="AG22" s="349">
        <v>98.5</v>
      </c>
      <c r="AH22" s="349">
        <v>11</v>
      </c>
      <c r="AI22" s="349">
        <v>99.4</v>
      </c>
      <c r="AJ22" s="349">
        <v>-1</v>
      </c>
      <c r="AK22" s="159"/>
    </row>
    <row r="23" spans="1:37" s="326" customFormat="1" ht="15" customHeight="1" x14ac:dyDescent="0.15">
      <c r="A23" s="553"/>
      <c r="B23" s="615"/>
      <c r="C23" s="347"/>
      <c r="D23" s="348" t="s">
        <v>203</v>
      </c>
      <c r="E23" s="351">
        <v>104</v>
      </c>
      <c r="F23" s="352">
        <v>1.4</v>
      </c>
      <c r="G23" s="351">
        <v>112.5</v>
      </c>
      <c r="H23" s="351">
        <v>5.0999999999999996</v>
      </c>
      <c r="I23" s="351">
        <v>108.7</v>
      </c>
      <c r="J23" s="351">
        <v>3.5</v>
      </c>
      <c r="K23" s="351">
        <v>106.7</v>
      </c>
      <c r="L23" s="351">
        <v>-0.5</v>
      </c>
      <c r="M23" s="351">
        <v>107.6</v>
      </c>
      <c r="N23" s="351">
        <v>4</v>
      </c>
      <c r="O23" s="351">
        <v>95.8</v>
      </c>
      <c r="P23" s="351">
        <v>-4.7</v>
      </c>
      <c r="Q23" s="351">
        <v>96.7</v>
      </c>
      <c r="R23" s="351">
        <v>-0.6</v>
      </c>
      <c r="S23" s="351">
        <v>105.2</v>
      </c>
      <c r="T23" s="351">
        <v>2.7</v>
      </c>
      <c r="U23" s="351">
        <v>102.9</v>
      </c>
      <c r="V23" s="351">
        <v>-7.7</v>
      </c>
      <c r="W23" s="351">
        <v>104.1</v>
      </c>
      <c r="X23" s="351">
        <v>-0.6</v>
      </c>
      <c r="Y23" s="351">
        <v>103.5</v>
      </c>
      <c r="Z23" s="351">
        <v>3.2</v>
      </c>
      <c r="AA23" s="351">
        <v>118.2</v>
      </c>
      <c r="AB23" s="351">
        <v>3.5</v>
      </c>
      <c r="AC23" s="351">
        <v>127.7</v>
      </c>
      <c r="AD23" s="351">
        <v>18</v>
      </c>
      <c r="AE23" s="351">
        <v>102.4</v>
      </c>
      <c r="AF23" s="351">
        <v>-0.3</v>
      </c>
      <c r="AG23" s="351">
        <v>105.5</v>
      </c>
      <c r="AH23" s="351">
        <v>7.5</v>
      </c>
      <c r="AI23" s="351">
        <v>103.6</v>
      </c>
      <c r="AJ23" s="351">
        <v>-2.1</v>
      </c>
      <c r="AK23" s="159"/>
    </row>
    <row r="24" spans="1:37" s="326" customFormat="1" ht="15" customHeight="1" x14ac:dyDescent="0.15">
      <c r="A24" s="553"/>
      <c r="B24" s="615"/>
      <c r="C24" s="347"/>
      <c r="D24" s="348" t="s">
        <v>204</v>
      </c>
      <c r="E24" s="349">
        <v>97.8</v>
      </c>
      <c r="F24" s="350">
        <v>-4.7</v>
      </c>
      <c r="G24" s="349">
        <v>102.9</v>
      </c>
      <c r="H24" s="349">
        <v>-5.0999999999999996</v>
      </c>
      <c r="I24" s="349">
        <v>103.1</v>
      </c>
      <c r="J24" s="349">
        <v>-4</v>
      </c>
      <c r="K24" s="349">
        <v>95.3</v>
      </c>
      <c r="L24" s="349">
        <v>-7.9</v>
      </c>
      <c r="M24" s="349">
        <v>103.9</v>
      </c>
      <c r="N24" s="349">
        <v>-1.7</v>
      </c>
      <c r="O24" s="349">
        <v>91.4</v>
      </c>
      <c r="P24" s="349">
        <v>-9.8000000000000007</v>
      </c>
      <c r="Q24" s="349">
        <v>92.2</v>
      </c>
      <c r="R24" s="349">
        <v>-5.2</v>
      </c>
      <c r="S24" s="349">
        <v>90</v>
      </c>
      <c r="T24" s="349">
        <v>-6.8</v>
      </c>
      <c r="U24" s="349">
        <v>102</v>
      </c>
      <c r="V24" s="349">
        <v>-8</v>
      </c>
      <c r="W24" s="349">
        <v>96.1</v>
      </c>
      <c r="X24" s="349">
        <v>-5.7</v>
      </c>
      <c r="Y24" s="349">
        <v>103.3</v>
      </c>
      <c r="Z24" s="349">
        <v>5.3</v>
      </c>
      <c r="AA24" s="349">
        <v>117.3</v>
      </c>
      <c r="AB24" s="349">
        <v>4.0999999999999996</v>
      </c>
      <c r="AC24" s="349">
        <v>107</v>
      </c>
      <c r="AD24" s="349">
        <v>1.3</v>
      </c>
      <c r="AE24" s="349">
        <v>97.3</v>
      </c>
      <c r="AF24" s="349">
        <v>-7.3</v>
      </c>
      <c r="AG24" s="349">
        <v>89.7</v>
      </c>
      <c r="AH24" s="349">
        <v>-10.199999999999999</v>
      </c>
      <c r="AI24" s="349">
        <v>97.9</v>
      </c>
      <c r="AJ24" s="349">
        <v>-5</v>
      </c>
      <c r="AK24" s="159"/>
    </row>
    <row r="25" spans="1:37" s="326" customFormat="1" ht="15" customHeight="1" x14ac:dyDescent="0.15">
      <c r="A25" s="553"/>
      <c r="B25" s="615"/>
      <c r="C25" s="347"/>
      <c r="D25" s="348" t="s">
        <v>205</v>
      </c>
      <c r="E25" s="351">
        <v>99.2</v>
      </c>
      <c r="F25" s="352">
        <v>-1.3</v>
      </c>
      <c r="G25" s="351">
        <v>103</v>
      </c>
      <c r="H25" s="351">
        <v>-2.6</v>
      </c>
      <c r="I25" s="351">
        <v>102.9</v>
      </c>
      <c r="J25" s="351">
        <v>-0.4</v>
      </c>
      <c r="K25" s="351">
        <v>97.8</v>
      </c>
      <c r="L25" s="351">
        <v>-1.5</v>
      </c>
      <c r="M25" s="351">
        <v>104.9</v>
      </c>
      <c r="N25" s="351">
        <v>0.7</v>
      </c>
      <c r="O25" s="351">
        <v>94.7</v>
      </c>
      <c r="P25" s="351">
        <v>-5.9</v>
      </c>
      <c r="Q25" s="351">
        <v>93.8</v>
      </c>
      <c r="R25" s="351">
        <v>-3.1</v>
      </c>
      <c r="S25" s="351">
        <v>101.6</v>
      </c>
      <c r="T25" s="351">
        <v>3.3</v>
      </c>
      <c r="U25" s="351">
        <v>97.5</v>
      </c>
      <c r="V25" s="351">
        <v>-9.5</v>
      </c>
      <c r="W25" s="351">
        <v>96.2</v>
      </c>
      <c r="X25" s="351">
        <v>-0.3</v>
      </c>
      <c r="Y25" s="351">
        <v>107.2</v>
      </c>
      <c r="Z25" s="351">
        <v>3.9</v>
      </c>
      <c r="AA25" s="351">
        <v>117.2</v>
      </c>
      <c r="AB25" s="351">
        <v>3.4</v>
      </c>
      <c r="AC25" s="351">
        <v>110.8</v>
      </c>
      <c r="AD25" s="351">
        <v>19.399999999999999</v>
      </c>
      <c r="AE25" s="351">
        <v>97.5</v>
      </c>
      <c r="AF25" s="351">
        <v>-7.2</v>
      </c>
      <c r="AG25" s="351">
        <v>112.5</v>
      </c>
      <c r="AH25" s="351">
        <v>8.1</v>
      </c>
      <c r="AI25" s="351">
        <v>99.3</v>
      </c>
      <c r="AJ25" s="351">
        <v>-0.5</v>
      </c>
      <c r="AK25" s="159"/>
    </row>
    <row r="26" spans="1:37" s="326" customFormat="1" ht="14.25" customHeight="1" x14ac:dyDescent="0.15">
      <c r="A26" s="553"/>
      <c r="B26" s="615"/>
      <c r="C26" s="347"/>
      <c r="D26" s="348"/>
      <c r="E26" s="351"/>
      <c r="F26" s="352"/>
      <c r="G26" s="351"/>
      <c r="H26" s="351"/>
      <c r="I26" s="351"/>
      <c r="J26" s="351"/>
      <c r="K26" s="351"/>
      <c r="L26" s="351"/>
      <c r="M26" s="351"/>
      <c r="N26" s="351"/>
      <c r="O26" s="351"/>
      <c r="P26" s="351"/>
      <c r="Q26" s="351"/>
      <c r="R26" s="351"/>
      <c r="S26" s="351"/>
      <c r="T26" s="351"/>
      <c r="U26" s="351"/>
      <c r="V26" s="351"/>
      <c r="W26" s="351"/>
      <c r="X26" s="351"/>
      <c r="Y26" s="351"/>
      <c r="Z26" s="351"/>
      <c r="AA26" s="351"/>
      <c r="AB26" s="351"/>
      <c r="AC26" s="351"/>
      <c r="AD26" s="351"/>
      <c r="AE26" s="351"/>
      <c r="AF26" s="351"/>
      <c r="AG26" s="351"/>
      <c r="AH26" s="351"/>
      <c r="AI26" s="351"/>
      <c r="AJ26" s="351"/>
      <c r="AK26" s="159"/>
    </row>
    <row r="27" spans="1:37" s="326" customFormat="1" ht="14.25" customHeight="1" x14ac:dyDescent="0.15">
      <c r="A27" s="553"/>
      <c r="B27" s="615"/>
      <c r="C27" s="347" t="s">
        <v>206</v>
      </c>
      <c r="D27" s="348" t="s">
        <v>194</v>
      </c>
      <c r="E27" s="349">
        <v>95.8</v>
      </c>
      <c r="F27" s="350">
        <v>1.9</v>
      </c>
      <c r="G27" s="349">
        <v>98.9</v>
      </c>
      <c r="H27" s="349">
        <v>-1.9</v>
      </c>
      <c r="I27" s="349">
        <v>95</v>
      </c>
      <c r="J27" s="349">
        <v>0</v>
      </c>
      <c r="K27" s="349">
        <v>94.2</v>
      </c>
      <c r="L27" s="349">
        <v>-4.0999999999999996</v>
      </c>
      <c r="M27" s="349">
        <v>100.9</v>
      </c>
      <c r="N27" s="349">
        <v>-1.7</v>
      </c>
      <c r="O27" s="349">
        <v>88.2</v>
      </c>
      <c r="P27" s="349">
        <v>-0.8</v>
      </c>
      <c r="Q27" s="349">
        <v>93.6</v>
      </c>
      <c r="R27" s="349">
        <v>5.3</v>
      </c>
      <c r="S27" s="349">
        <v>96.2</v>
      </c>
      <c r="T27" s="349">
        <v>5.0999999999999996</v>
      </c>
      <c r="U27" s="349">
        <v>95.7</v>
      </c>
      <c r="V27" s="349">
        <v>-1.8</v>
      </c>
      <c r="W27" s="349">
        <v>95.6</v>
      </c>
      <c r="X27" s="349">
        <v>5.8</v>
      </c>
      <c r="Y27" s="349">
        <v>108.9</v>
      </c>
      <c r="Z27" s="349">
        <v>6.3</v>
      </c>
      <c r="AA27" s="349">
        <v>114.1</v>
      </c>
      <c r="AB27" s="349">
        <v>10.199999999999999</v>
      </c>
      <c r="AC27" s="349">
        <v>103</v>
      </c>
      <c r="AD27" s="349">
        <v>-2.8</v>
      </c>
      <c r="AE27" s="349">
        <v>95.6</v>
      </c>
      <c r="AF27" s="349">
        <v>2.4</v>
      </c>
      <c r="AG27" s="349">
        <v>99.2</v>
      </c>
      <c r="AH27" s="349">
        <v>1.7</v>
      </c>
      <c r="AI27" s="349">
        <v>96.6</v>
      </c>
      <c r="AJ27" s="349">
        <v>1.7</v>
      </c>
      <c r="AK27" s="159"/>
    </row>
    <row r="28" spans="1:37" s="326" customFormat="1" ht="11.25" customHeight="1" x14ac:dyDescent="0.15">
      <c r="A28" s="553"/>
      <c r="B28" s="557"/>
      <c r="C28" s="353"/>
      <c r="D28" s="354"/>
      <c r="E28" s="351"/>
      <c r="F28" s="352"/>
      <c r="G28" s="351"/>
      <c r="H28" s="351"/>
      <c r="I28" s="351"/>
      <c r="J28" s="351"/>
      <c r="K28" s="351"/>
      <c r="L28" s="351"/>
      <c r="M28" s="351"/>
      <c r="N28" s="351"/>
      <c r="O28" s="351"/>
      <c r="P28" s="351"/>
      <c r="Q28" s="351"/>
      <c r="R28" s="351"/>
      <c r="S28" s="351"/>
      <c r="T28" s="351"/>
      <c r="U28" s="351"/>
      <c r="V28" s="351"/>
      <c r="W28" s="351"/>
      <c r="X28" s="351"/>
      <c r="Y28" s="351"/>
      <c r="Z28" s="351"/>
      <c r="AA28" s="351"/>
      <c r="AB28" s="351"/>
      <c r="AC28" s="351"/>
      <c r="AD28" s="351"/>
      <c r="AE28" s="351"/>
      <c r="AF28" s="351"/>
      <c r="AG28" s="351"/>
      <c r="AH28" s="351"/>
      <c r="AI28" s="351"/>
      <c r="AJ28" s="351"/>
      <c r="AK28" s="159"/>
    </row>
    <row r="29" spans="1:37" s="326" customFormat="1" ht="11.25" customHeight="1" x14ac:dyDescent="0.15">
      <c r="A29" s="553"/>
      <c r="B29" s="355"/>
      <c r="C29" s="356"/>
      <c r="D29" s="357"/>
      <c r="E29" s="358"/>
      <c r="F29" s="359"/>
      <c r="G29" s="358"/>
      <c r="H29" s="358"/>
      <c r="I29" s="358"/>
      <c r="J29" s="358"/>
      <c r="K29" s="358"/>
      <c r="L29" s="358"/>
      <c r="M29" s="358"/>
      <c r="N29" s="358"/>
      <c r="O29" s="358"/>
      <c r="P29" s="358"/>
      <c r="Q29" s="358"/>
      <c r="R29" s="358"/>
      <c r="S29" s="358"/>
      <c r="T29" s="358"/>
      <c r="U29" s="358"/>
      <c r="V29" s="358"/>
      <c r="W29" s="358"/>
      <c r="X29" s="358"/>
      <c r="Y29" s="358"/>
      <c r="Z29" s="358"/>
      <c r="AA29" s="358"/>
      <c r="AB29" s="358"/>
      <c r="AC29" s="358"/>
      <c r="AD29" s="358"/>
      <c r="AE29" s="358"/>
      <c r="AF29" s="358"/>
      <c r="AG29" s="358"/>
      <c r="AH29" s="358"/>
      <c r="AI29" s="358"/>
      <c r="AJ29" s="358"/>
      <c r="AK29" s="159"/>
    </row>
    <row r="30" spans="1:37" s="326" customFormat="1" ht="14.25" customHeight="1" x14ac:dyDescent="0.15">
      <c r="A30" s="553"/>
      <c r="B30" s="431"/>
      <c r="C30" s="347" t="s">
        <v>188</v>
      </c>
      <c r="D30" s="348" t="s">
        <v>189</v>
      </c>
      <c r="E30" s="349">
        <v>101.6</v>
      </c>
      <c r="F30" s="350">
        <v>0.5</v>
      </c>
      <c r="G30" s="349">
        <v>107.8</v>
      </c>
      <c r="H30" s="349">
        <v>-1.4</v>
      </c>
      <c r="I30" s="349">
        <v>102.7</v>
      </c>
      <c r="J30" s="349">
        <v>1.3</v>
      </c>
      <c r="K30" s="349">
        <v>102.7</v>
      </c>
      <c r="L30" s="349">
        <v>2.8</v>
      </c>
      <c r="M30" s="349">
        <v>105.9</v>
      </c>
      <c r="N30" s="349">
        <v>1.7</v>
      </c>
      <c r="O30" s="349">
        <v>100</v>
      </c>
      <c r="P30" s="349">
        <v>0.7</v>
      </c>
      <c r="Q30" s="349">
        <v>102.2</v>
      </c>
      <c r="R30" s="349">
        <v>3.4</v>
      </c>
      <c r="S30" s="349">
        <v>97.2</v>
      </c>
      <c r="T30" s="349">
        <v>-3.1</v>
      </c>
      <c r="U30" s="349">
        <v>106.4</v>
      </c>
      <c r="V30" s="349">
        <v>-0.9</v>
      </c>
      <c r="W30" s="349">
        <v>99.8</v>
      </c>
      <c r="X30" s="349">
        <v>-2.1</v>
      </c>
      <c r="Y30" s="349">
        <v>118.8</v>
      </c>
      <c r="Z30" s="349">
        <v>14.7</v>
      </c>
      <c r="AA30" s="349">
        <v>104</v>
      </c>
      <c r="AB30" s="349">
        <v>1.7</v>
      </c>
      <c r="AC30" s="349">
        <v>91.7</v>
      </c>
      <c r="AD30" s="349">
        <v>-15.7</v>
      </c>
      <c r="AE30" s="349">
        <v>105.9</v>
      </c>
      <c r="AF30" s="349">
        <v>8.3000000000000007</v>
      </c>
      <c r="AG30" s="349">
        <v>99.4</v>
      </c>
      <c r="AH30" s="349">
        <v>0.6</v>
      </c>
      <c r="AI30" s="349">
        <v>95.5</v>
      </c>
      <c r="AJ30" s="349">
        <v>-5</v>
      </c>
      <c r="AK30" s="159"/>
    </row>
    <row r="31" spans="1:37" s="326" customFormat="1" ht="14.25" customHeight="1" x14ac:dyDescent="0.15">
      <c r="A31" s="553"/>
      <c r="B31" s="431"/>
      <c r="C31" s="347" t="s">
        <v>188</v>
      </c>
      <c r="D31" s="348" t="s">
        <v>190</v>
      </c>
      <c r="E31" s="351">
        <v>102.1</v>
      </c>
      <c r="F31" s="352">
        <v>0.5</v>
      </c>
      <c r="G31" s="351">
        <v>109.3</v>
      </c>
      <c r="H31" s="351">
        <v>1.4</v>
      </c>
      <c r="I31" s="351">
        <v>103.7</v>
      </c>
      <c r="J31" s="351">
        <v>1</v>
      </c>
      <c r="K31" s="351">
        <v>101.5</v>
      </c>
      <c r="L31" s="351">
        <v>-1.2</v>
      </c>
      <c r="M31" s="351">
        <v>106.1</v>
      </c>
      <c r="N31" s="351">
        <v>0.2</v>
      </c>
      <c r="O31" s="351">
        <v>102.6</v>
      </c>
      <c r="P31" s="351">
        <v>2.6</v>
      </c>
      <c r="Q31" s="351">
        <v>105.6</v>
      </c>
      <c r="R31" s="351">
        <v>3.3</v>
      </c>
      <c r="S31" s="351">
        <v>95.6</v>
      </c>
      <c r="T31" s="351">
        <v>-1.6</v>
      </c>
      <c r="U31" s="351">
        <v>105</v>
      </c>
      <c r="V31" s="351">
        <v>-1.3</v>
      </c>
      <c r="W31" s="351">
        <v>101.1</v>
      </c>
      <c r="X31" s="351">
        <v>1.3</v>
      </c>
      <c r="Y31" s="351">
        <v>119.9</v>
      </c>
      <c r="Z31" s="351">
        <v>0.9</v>
      </c>
      <c r="AA31" s="351">
        <v>103.7</v>
      </c>
      <c r="AB31" s="351">
        <v>-0.3</v>
      </c>
      <c r="AC31" s="351">
        <v>89.8</v>
      </c>
      <c r="AD31" s="351">
        <v>-2.1</v>
      </c>
      <c r="AE31" s="351">
        <v>104</v>
      </c>
      <c r="AF31" s="351">
        <v>-1.8</v>
      </c>
      <c r="AG31" s="351">
        <v>100.5</v>
      </c>
      <c r="AH31" s="351">
        <v>1.1000000000000001</v>
      </c>
      <c r="AI31" s="351">
        <v>94.9</v>
      </c>
      <c r="AJ31" s="351">
        <v>-0.6</v>
      </c>
      <c r="AK31" s="159"/>
    </row>
    <row r="32" spans="1:37" s="326" customFormat="1" ht="14.25" customHeight="1" x14ac:dyDescent="0.15">
      <c r="A32" s="553"/>
      <c r="B32" s="431"/>
      <c r="C32" s="347" t="s">
        <v>188</v>
      </c>
      <c r="D32" s="348" t="s">
        <v>191</v>
      </c>
      <c r="E32" s="349">
        <v>102.6</v>
      </c>
      <c r="F32" s="350">
        <v>-0.5</v>
      </c>
      <c r="G32" s="349">
        <v>108.9</v>
      </c>
      <c r="H32" s="349">
        <v>-0.5</v>
      </c>
      <c r="I32" s="349">
        <v>101.4</v>
      </c>
      <c r="J32" s="349">
        <v>-2.2999999999999998</v>
      </c>
      <c r="K32" s="349">
        <v>102.5</v>
      </c>
      <c r="L32" s="349">
        <v>0.7</v>
      </c>
      <c r="M32" s="349">
        <v>103.8</v>
      </c>
      <c r="N32" s="349">
        <v>-2.1</v>
      </c>
      <c r="O32" s="349">
        <v>100.5</v>
      </c>
      <c r="P32" s="349">
        <v>-2.2000000000000002</v>
      </c>
      <c r="Q32" s="349">
        <v>99.9</v>
      </c>
      <c r="R32" s="349">
        <v>-5.3</v>
      </c>
      <c r="S32" s="349">
        <v>96</v>
      </c>
      <c r="T32" s="349">
        <v>0.2</v>
      </c>
      <c r="U32" s="349">
        <v>103.9</v>
      </c>
      <c r="V32" s="349">
        <v>-1</v>
      </c>
      <c r="W32" s="349">
        <v>99.9</v>
      </c>
      <c r="X32" s="349">
        <v>-1.2</v>
      </c>
      <c r="Y32" s="349">
        <v>112.1</v>
      </c>
      <c r="Z32" s="349">
        <v>-6.3</v>
      </c>
      <c r="AA32" s="349">
        <v>107.8</v>
      </c>
      <c r="AB32" s="349">
        <v>4.3</v>
      </c>
      <c r="AC32" s="349">
        <v>95.3</v>
      </c>
      <c r="AD32" s="349">
        <v>5.2</v>
      </c>
      <c r="AE32" s="349">
        <v>107.2</v>
      </c>
      <c r="AF32" s="349">
        <v>2.9</v>
      </c>
      <c r="AG32" s="349">
        <v>97.9</v>
      </c>
      <c r="AH32" s="349">
        <v>-1.8</v>
      </c>
      <c r="AI32" s="349">
        <v>100.6</v>
      </c>
      <c r="AJ32" s="349">
        <v>5.3</v>
      </c>
      <c r="AK32" s="159"/>
    </row>
    <row r="33" spans="1:37" s="326" customFormat="1" ht="14.25" customHeight="1" x14ac:dyDescent="0.15">
      <c r="A33" s="553"/>
      <c r="B33" s="431"/>
      <c r="C33" s="347" t="s">
        <v>188</v>
      </c>
      <c r="D33" s="348" t="s">
        <v>192</v>
      </c>
      <c r="E33" s="351">
        <v>101.3</v>
      </c>
      <c r="F33" s="352">
        <v>-1.3</v>
      </c>
      <c r="G33" s="351">
        <v>106.7</v>
      </c>
      <c r="H33" s="351">
        <v>-2</v>
      </c>
      <c r="I33" s="351">
        <v>100.8</v>
      </c>
      <c r="J33" s="351">
        <v>-0.6</v>
      </c>
      <c r="K33" s="351">
        <v>101.8</v>
      </c>
      <c r="L33" s="351">
        <v>-0.7</v>
      </c>
      <c r="M33" s="351">
        <v>104.4</v>
      </c>
      <c r="N33" s="351">
        <v>0.6</v>
      </c>
      <c r="O33" s="351">
        <v>94.1</v>
      </c>
      <c r="P33" s="351">
        <v>-6.4</v>
      </c>
      <c r="Q33" s="351">
        <v>98.1</v>
      </c>
      <c r="R33" s="351">
        <v>-1.8</v>
      </c>
      <c r="S33" s="351">
        <v>98.2</v>
      </c>
      <c r="T33" s="351">
        <v>2.2999999999999998</v>
      </c>
      <c r="U33" s="351">
        <v>95.6</v>
      </c>
      <c r="V33" s="351">
        <v>-8</v>
      </c>
      <c r="W33" s="351">
        <v>98.5</v>
      </c>
      <c r="X33" s="351">
        <v>-1.4</v>
      </c>
      <c r="Y33" s="351">
        <v>118.5</v>
      </c>
      <c r="Z33" s="351">
        <v>5.7</v>
      </c>
      <c r="AA33" s="351">
        <v>112.3</v>
      </c>
      <c r="AB33" s="351">
        <v>4.2</v>
      </c>
      <c r="AC33" s="351">
        <v>106.4</v>
      </c>
      <c r="AD33" s="351">
        <v>11.6</v>
      </c>
      <c r="AE33" s="351">
        <v>97.5</v>
      </c>
      <c r="AF33" s="351">
        <v>-9</v>
      </c>
      <c r="AG33" s="361">
        <v>96</v>
      </c>
      <c r="AH33" s="361">
        <v>-1.9</v>
      </c>
      <c r="AI33" s="351">
        <v>102.3</v>
      </c>
      <c r="AJ33" s="351">
        <v>1.7</v>
      </c>
      <c r="AK33" s="159"/>
    </row>
    <row r="34" spans="1:37" s="326" customFormat="1" ht="14.25" customHeight="1" x14ac:dyDescent="0.15">
      <c r="A34" s="553"/>
      <c r="B34" s="431"/>
      <c r="C34" s="347"/>
      <c r="D34" s="348"/>
      <c r="E34" s="351"/>
      <c r="F34" s="352"/>
      <c r="G34" s="351"/>
      <c r="H34" s="351"/>
      <c r="I34" s="351"/>
      <c r="J34" s="351"/>
      <c r="K34" s="351"/>
      <c r="L34" s="351"/>
      <c r="M34" s="351"/>
      <c r="N34" s="351"/>
      <c r="O34" s="351"/>
      <c r="P34" s="351"/>
      <c r="Q34" s="351"/>
      <c r="R34" s="351"/>
      <c r="S34" s="351"/>
      <c r="T34" s="351"/>
      <c r="U34" s="351"/>
      <c r="V34" s="351"/>
      <c r="W34" s="351"/>
      <c r="X34" s="351"/>
      <c r="Y34" s="351"/>
      <c r="Z34" s="351"/>
      <c r="AA34" s="351"/>
      <c r="AB34" s="351"/>
      <c r="AC34" s="351"/>
      <c r="AD34" s="351"/>
      <c r="AE34" s="351"/>
      <c r="AF34" s="351"/>
      <c r="AG34" s="361"/>
      <c r="AH34" s="361"/>
      <c r="AI34" s="351"/>
      <c r="AJ34" s="351"/>
      <c r="AK34" s="159"/>
    </row>
    <row r="35" spans="1:37" s="326" customFormat="1" ht="15" customHeight="1" x14ac:dyDescent="0.15">
      <c r="A35" s="553"/>
      <c r="B35" s="616" t="s">
        <v>0</v>
      </c>
      <c r="C35" s="347" t="s">
        <v>193</v>
      </c>
      <c r="D35" s="348" t="s">
        <v>194</v>
      </c>
      <c r="E35" s="349">
        <v>97.4</v>
      </c>
      <c r="F35" s="350">
        <v>0</v>
      </c>
      <c r="G35" s="349">
        <v>103</v>
      </c>
      <c r="H35" s="349">
        <v>0</v>
      </c>
      <c r="I35" s="349">
        <v>95.5</v>
      </c>
      <c r="J35" s="349">
        <v>3.5</v>
      </c>
      <c r="K35" s="349">
        <v>99.7</v>
      </c>
      <c r="L35" s="349">
        <v>4.5999999999999996</v>
      </c>
      <c r="M35" s="349">
        <v>103.7</v>
      </c>
      <c r="N35" s="349">
        <v>3.8</v>
      </c>
      <c r="O35" s="349">
        <v>91</v>
      </c>
      <c r="P35" s="349">
        <v>-6.6</v>
      </c>
      <c r="Q35" s="349">
        <v>94.8</v>
      </c>
      <c r="R35" s="349">
        <v>-4.2</v>
      </c>
      <c r="S35" s="349">
        <v>90.7</v>
      </c>
      <c r="T35" s="349">
        <v>0.3</v>
      </c>
      <c r="U35" s="349">
        <v>91.7</v>
      </c>
      <c r="V35" s="349">
        <v>-4.5999999999999996</v>
      </c>
      <c r="W35" s="349">
        <v>93.7</v>
      </c>
      <c r="X35" s="349">
        <v>0.3</v>
      </c>
      <c r="Y35" s="349">
        <v>118.3</v>
      </c>
      <c r="Z35" s="349">
        <v>7.2</v>
      </c>
      <c r="AA35" s="349">
        <v>108.5</v>
      </c>
      <c r="AB35" s="349">
        <v>1.7</v>
      </c>
      <c r="AC35" s="349">
        <v>104.5</v>
      </c>
      <c r="AD35" s="349">
        <v>18.2</v>
      </c>
      <c r="AE35" s="349">
        <v>93.4</v>
      </c>
      <c r="AF35" s="349">
        <v>-11.2</v>
      </c>
      <c r="AG35" s="360">
        <v>95.8</v>
      </c>
      <c r="AH35" s="360">
        <v>-3.9</v>
      </c>
      <c r="AI35" s="349">
        <v>97.7</v>
      </c>
      <c r="AJ35" s="349">
        <v>7.2</v>
      </c>
      <c r="AK35" s="159"/>
    </row>
    <row r="36" spans="1:37" s="326" customFormat="1" ht="15" customHeight="1" x14ac:dyDescent="0.15">
      <c r="A36" s="553"/>
      <c r="B36" s="616"/>
      <c r="C36" s="347"/>
      <c r="D36" s="348" t="s">
        <v>195</v>
      </c>
      <c r="E36" s="351">
        <v>96.3</v>
      </c>
      <c r="F36" s="352">
        <v>-4.0999999999999996</v>
      </c>
      <c r="G36" s="351">
        <v>102.4</v>
      </c>
      <c r="H36" s="351">
        <v>0</v>
      </c>
      <c r="I36" s="351">
        <v>98.2</v>
      </c>
      <c r="J36" s="351">
        <v>-3.6</v>
      </c>
      <c r="K36" s="351">
        <v>95.1</v>
      </c>
      <c r="L36" s="351">
        <v>-2</v>
      </c>
      <c r="M36" s="351">
        <v>94.9</v>
      </c>
      <c r="N36" s="351">
        <v>-4.7</v>
      </c>
      <c r="O36" s="351">
        <v>89.8</v>
      </c>
      <c r="P36" s="351">
        <v>-6.9</v>
      </c>
      <c r="Q36" s="351">
        <v>92.4</v>
      </c>
      <c r="R36" s="351">
        <v>-5.0999999999999996</v>
      </c>
      <c r="S36" s="351">
        <v>85.4</v>
      </c>
      <c r="T36" s="351">
        <v>-5.2</v>
      </c>
      <c r="U36" s="351">
        <v>89.4</v>
      </c>
      <c r="V36" s="351">
        <v>-13.7</v>
      </c>
      <c r="W36" s="351">
        <v>94.6</v>
      </c>
      <c r="X36" s="351">
        <v>-3.6</v>
      </c>
      <c r="Y36" s="351">
        <v>111.5</v>
      </c>
      <c r="Z36" s="351">
        <v>-4.8</v>
      </c>
      <c r="AA36" s="351">
        <v>98.9</v>
      </c>
      <c r="AB36" s="351">
        <v>4.0999999999999996</v>
      </c>
      <c r="AC36" s="351">
        <v>103.1</v>
      </c>
      <c r="AD36" s="351">
        <v>8.9</v>
      </c>
      <c r="AE36" s="351">
        <v>91.6</v>
      </c>
      <c r="AF36" s="351">
        <v>-10.7</v>
      </c>
      <c r="AG36" s="361">
        <v>83</v>
      </c>
      <c r="AH36" s="361">
        <v>-6.6</v>
      </c>
      <c r="AI36" s="351">
        <v>98.9</v>
      </c>
      <c r="AJ36" s="351">
        <v>-2.1</v>
      </c>
      <c r="AK36" s="159"/>
    </row>
    <row r="37" spans="1:37" s="326" customFormat="1" ht="15" customHeight="1" x14ac:dyDescent="0.15">
      <c r="A37" s="553"/>
      <c r="B37" s="616"/>
      <c r="C37" s="347"/>
      <c r="D37" s="348" t="s">
        <v>196</v>
      </c>
      <c r="E37" s="349">
        <v>99.3</v>
      </c>
      <c r="F37" s="350">
        <v>-2.6</v>
      </c>
      <c r="G37" s="349">
        <v>103.6</v>
      </c>
      <c r="H37" s="349">
        <v>-3.3</v>
      </c>
      <c r="I37" s="349">
        <v>99.5</v>
      </c>
      <c r="J37" s="349">
        <v>-2.4</v>
      </c>
      <c r="K37" s="349">
        <v>98</v>
      </c>
      <c r="L37" s="349">
        <v>-2.9</v>
      </c>
      <c r="M37" s="349">
        <v>104.5</v>
      </c>
      <c r="N37" s="349">
        <v>1.3</v>
      </c>
      <c r="O37" s="349">
        <v>93</v>
      </c>
      <c r="P37" s="349">
        <v>-8.4</v>
      </c>
      <c r="Q37" s="349">
        <v>94.4</v>
      </c>
      <c r="R37" s="349">
        <v>-5.0999999999999996</v>
      </c>
      <c r="S37" s="349">
        <v>99.3</v>
      </c>
      <c r="T37" s="349">
        <v>6.7</v>
      </c>
      <c r="U37" s="349">
        <v>92.6</v>
      </c>
      <c r="V37" s="349">
        <v>-14.7</v>
      </c>
      <c r="W37" s="349">
        <v>98</v>
      </c>
      <c r="X37" s="349">
        <v>-2.2999999999999998</v>
      </c>
      <c r="Y37" s="349">
        <v>114.6</v>
      </c>
      <c r="Z37" s="349">
        <v>1.9</v>
      </c>
      <c r="AA37" s="349">
        <v>101.4</v>
      </c>
      <c r="AB37" s="349">
        <v>5.3</v>
      </c>
      <c r="AC37" s="349">
        <v>104.6</v>
      </c>
      <c r="AD37" s="349">
        <v>9.6</v>
      </c>
      <c r="AE37" s="349">
        <v>95</v>
      </c>
      <c r="AF37" s="349">
        <v>-7.8</v>
      </c>
      <c r="AG37" s="360">
        <v>95.3</v>
      </c>
      <c r="AH37" s="360">
        <v>-6.8</v>
      </c>
      <c r="AI37" s="349">
        <v>100.8</v>
      </c>
      <c r="AJ37" s="349">
        <v>0.3</v>
      </c>
      <c r="AK37" s="159"/>
    </row>
    <row r="38" spans="1:37" s="326" customFormat="1" ht="15" customHeight="1" x14ac:dyDescent="0.15">
      <c r="A38" s="553"/>
      <c r="B38" s="616"/>
      <c r="C38" s="347"/>
      <c r="D38" s="348" t="s">
        <v>197</v>
      </c>
      <c r="E38" s="351">
        <v>104.1</v>
      </c>
      <c r="F38" s="352">
        <v>-1.5</v>
      </c>
      <c r="G38" s="351">
        <v>108</v>
      </c>
      <c r="H38" s="351">
        <v>-2.1</v>
      </c>
      <c r="I38" s="351">
        <v>102.8</v>
      </c>
      <c r="J38" s="351">
        <v>-0.7</v>
      </c>
      <c r="K38" s="351">
        <v>107.9</v>
      </c>
      <c r="L38" s="351">
        <v>2.5</v>
      </c>
      <c r="M38" s="351">
        <v>105.1</v>
      </c>
      <c r="N38" s="351">
        <v>1.1000000000000001</v>
      </c>
      <c r="O38" s="351">
        <v>95.8</v>
      </c>
      <c r="P38" s="351">
        <v>-7.2</v>
      </c>
      <c r="Q38" s="351">
        <v>98.8</v>
      </c>
      <c r="R38" s="351">
        <v>-5</v>
      </c>
      <c r="S38" s="351">
        <v>102.6</v>
      </c>
      <c r="T38" s="351">
        <v>-0.2</v>
      </c>
      <c r="U38" s="351">
        <v>99.3</v>
      </c>
      <c r="V38" s="351">
        <v>-11.6</v>
      </c>
      <c r="W38" s="351">
        <v>99.4</v>
      </c>
      <c r="X38" s="351">
        <v>-1.7</v>
      </c>
      <c r="Y38" s="351">
        <v>118.6</v>
      </c>
      <c r="Z38" s="351">
        <v>-6.5</v>
      </c>
      <c r="AA38" s="351">
        <v>117.8</v>
      </c>
      <c r="AB38" s="351">
        <v>5.7</v>
      </c>
      <c r="AC38" s="351">
        <v>122.6</v>
      </c>
      <c r="AD38" s="351">
        <v>16.2</v>
      </c>
      <c r="AE38" s="351">
        <v>99.2</v>
      </c>
      <c r="AF38" s="351">
        <v>-7.9</v>
      </c>
      <c r="AG38" s="361">
        <v>97.2</v>
      </c>
      <c r="AH38" s="361">
        <v>-3.9</v>
      </c>
      <c r="AI38" s="351">
        <v>104.7</v>
      </c>
      <c r="AJ38" s="351">
        <v>2.9</v>
      </c>
      <c r="AK38" s="159"/>
    </row>
    <row r="39" spans="1:37" s="326" customFormat="1" ht="15" customHeight="1" x14ac:dyDescent="0.15">
      <c r="A39" s="553"/>
      <c r="B39" s="616"/>
      <c r="C39" s="347"/>
      <c r="D39" s="348" t="s">
        <v>198</v>
      </c>
      <c r="E39" s="349">
        <v>101.2</v>
      </c>
      <c r="F39" s="350">
        <v>-3</v>
      </c>
      <c r="G39" s="349">
        <v>105.7</v>
      </c>
      <c r="H39" s="349">
        <v>-2.6</v>
      </c>
      <c r="I39" s="349">
        <v>97.5</v>
      </c>
      <c r="J39" s="349">
        <v>-0.7</v>
      </c>
      <c r="K39" s="349">
        <v>102.8</v>
      </c>
      <c r="L39" s="349">
        <v>-3.7</v>
      </c>
      <c r="M39" s="349">
        <v>104</v>
      </c>
      <c r="N39" s="349">
        <v>-2</v>
      </c>
      <c r="O39" s="349">
        <v>93</v>
      </c>
      <c r="P39" s="349">
        <v>-8.6</v>
      </c>
      <c r="Q39" s="349">
        <v>97.9</v>
      </c>
      <c r="R39" s="349">
        <v>-3</v>
      </c>
      <c r="S39" s="349">
        <v>104.4</v>
      </c>
      <c r="T39" s="349">
        <v>2.8</v>
      </c>
      <c r="U39" s="349">
        <v>92.7</v>
      </c>
      <c r="V39" s="349">
        <v>-10</v>
      </c>
      <c r="W39" s="349">
        <v>97.2</v>
      </c>
      <c r="X39" s="349">
        <v>-3.4</v>
      </c>
      <c r="Y39" s="349">
        <v>120.3</v>
      </c>
      <c r="Z39" s="349">
        <v>5.2</v>
      </c>
      <c r="AA39" s="349">
        <v>117.3</v>
      </c>
      <c r="AB39" s="349">
        <v>4.5999999999999996</v>
      </c>
      <c r="AC39" s="349">
        <v>116.8</v>
      </c>
      <c r="AD39" s="349">
        <v>11.2</v>
      </c>
      <c r="AE39" s="349">
        <v>98.5</v>
      </c>
      <c r="AF39" s="349">
        <v>-12.9</v>
      </c>
      <c r="AG39" s="360">
        <v>95.1</v>
      </c>
      <c r="AH39" s="360">
        <v>-5.4</v>
      </c>
      <c r="AI39" s="349">
        <v>99.7</v>
      </c>
      <c r="AJ39" s="349">
        <v>0.9</v>
      </c>
      <c r="AK39" s="159"/>
    </row>
    <row r="40" spans="1:37" s="326" customFormat="1" ht="15" customHeight="1" x14ac:dyDescent="0.15">
      <c r="A40" s="553"/>
      <c r="B40" s="362">
        <v>30</v>
      </c>
      <c r="C40" s="347"/>
      <c r="D40" s="348" t="s">
        <v>199</v>
      </c>
      <c r="E40" s="351">
        <v>104.1</v>
      </c>
      <c r="F40" s="352">
        <v>-0.1</v>
      </c>
      <c r="G40" s="351">
        <v>109.4</v>
      </c>
      <c r="H40" s="351">
        <v>-0.3</v>
      </c>
      <c r="I40" s="351">
        <v>103.8</v>
      </c>
      <c r="J40" s="351">
        <v>1</v>
      </c>
      <c r="K40" s="351">
        <v>106.5</v>
      </c>
      <c r="L40" s="351">
        <v>4.3</v>
      </c>
      <c r="M40" s="351">
        <v>102.6</v>
      </c>
      <c r="N40" s="351">
        <v>-0.6</v>
      </c>
      <c r="O40" s="351">
        <v>95.9</v>
      </c>
      <c r="P40" s="351">
        <v>-5.7</v>
      </c>
      <c r="Q40" s="351">
        <v>98.7</v>
      </c>
      <c r="R40" s="351">
        <v>-1.8</v>
      </c>
      <c r="S40" s="351">
        <v>103.2</v>
      </c>
      <c r="T40" s="351">
        <v>5.2</v>
      </c>
      <c r="U40" s="351">
        <v>98.4</v>
      </c>
      <c r="V40" s="351">
        <v>-6.9</v>
      </c>
      <c r="W40" s="351">
        <v>102</v>
      </c>
      <c r="X40" s="351">
        <v>1.7</v>
      </c>
      <c r="Y40" s="351">
        <v>120.4</v>
      </c>
      <c r="Z40" s="351">
        <v>6.9</v>
      </c>
      <c r="AA40" s="351">
        <v>121.9</v>
      </c>
      <c r="AB40" s="351">
        <v>10.6</v>
      </c>
      <c r="AC40" s="351">
        <v>115.3</v>
      </c>
      <c r="AD40" s="351">
        <v>16.8</v>
      </c>
      <c r="AE40" s="351">
        <v>99.5</v>
      </c>
      <c r="AF40" s="351">
        <v>-9.3000000000000007</v>
      </c>
      <c r="AG40" s="361">
        <v>98.8</v>
      </c>
      <c r="AH40" s="361">
        <v>7</v>
      </c>
      <c r="AI40" s="351">
        <v>104.8</v>
      </c>
      <c r="AJ40" s="351">
        <v>1.1000000000000001</v>
      </c>
      <c r="AK40" s="159"/>
    </row>
    <row r="41" spans="1:37" s="326" customFormat="1" ht="15" customHeight="1" x14ac:dyDescent="0.15">
      <c r="A41" s="553"/>
      <c r="B41" s="617" t="s">
        <v>163</v>
      </c>
      <c r="C41" s="347"/>
      <c r="D41" s="348" t="s">
        <v>200</v>
      </c>
      <c r="E41" s="349">
        <v>107</v>
      </c>
      <c r="F41" s="350">
        <v>0.4</v>
      </c>
      <c r="G41" s="349">
        <v>115.5</v>
      </c>
      <c r="H41" s="349">
        <v>1.6</v>
      </c>
      <c r="I41" s="349">
        <v>108.8</v>
      </c>
      <c r="J41" s="349">
        <v>2</v>
      </c>
      <c r="K41" s="349">
        <v>111.3</v>
      </c>
      <c r="L41" s="349">
        <v>4.5</v>
      </c>
      <c r="M41" s="349">
        <v>113.5</v>
      </c>
      <c r="N41" s="349">
        <v>5.2</v>
      </c>
      <c r="O41" s="349">
        <v>96.6</v>
      </c>
      <c r="P41" s="349">
        <v>-4</v>
      </c>
      <c r="Q41" s="349">
        <v>102.2</v>
      </c>
      <c r="R41" s="349">
        <v>0.5</v>
      </c>
      <c r="S41" s="349">
        <v>105.2</v>
      </c>
      <c r="T41" s="349">
        <v>2</v>
      </c>
      <c r="U41" s="349">
        <v>108</v>
      </c>
      <c r="V41" s="349">
        <v>2.5</v>
      </c>
      <c r="W41" s="349">
        <v>107.7</v>
      </c>
      <c r="X41" s="349">
        <v>-0.2</v>
      </c>
      <c r="Y41" s="349">
        <v>117.8</v>
      </c>
      <c r="Z41" s="349">
        <v>6.2</v>
      </c>
      <c r="AA41" s="349">
        <v>114.6</v>
      </c>
      <c r="AB41" s="349">
        <v>6.3</v>
      </c>
      <c r="AC41" s="349">
        <v>108.4</v>
      </c>
      <c r="AD41" s="349">
        <v>10.4</v>
      </c>
      <c r="AE41" s="349">
        <v>101.2</v>
      </c>
      <c r="AF41" s="349">
        <v>-10</v>
      </c>
      <c r="AG41" s="360">
        <v>101.8</v>
      </c>
      <c r="AH41" s="360">
        <v>-2.6</v>
      </c>
      <c r="AI41" s="349">
        <v>109.3</v>
      </c>
      <c r="AJ41" s="349">
        <v>3.9</v>
      </c>
      <c r="AK41" s="159"/>
    </row>
    <row r="42" spans="1:37" s="326" customFormat="1" ht="15" customHeight="1" x14ac:dyDescent="0.15">
      <c r="A42" s="553"/>
      <c r="B42" s="617"/>
      <c r="C42" s="347"/>
      <c r="D42" s="348" t="s">
        <v>201</v>
      </c>
      <c r="E42" s="351">
        <v>95.6</v>
      </c>
      <c r="F42" s="352">
        <v>-3.4</v>
      </c>
      <c r="G42" s="351">
        <v>104.4</v>
      </c>
      <c r="H42" s="351">
        <v>-5.8</v>
      </c>
      <c r="I42" s="351">
        <v>93.2</v>
      </c>
      <c r="J42" s="351">
        <v>-3.1</v>
      </c>
      <c r="K42" s="351">
        <v>99.4</v>
      </c>
      <c r="L42" s="351">
        <v>-4.9000000000000004</v>
      </c>
      <c r="M42" s="351">
        <v>104.4</v>
      </c>
      <c r="N42" s="351">
        <v>-0.9</v>
      </c>
      <c r="O42" s="351">
        <v>91.8</v>
      </c>
      <c r="P42" s="351">
        <v>-8.3000000000000007</v>
      </c>
      <c r="Q42" s="351">
        <v>97.1</v>
      </c>
      <c r="R42" s="351">
        <v>-2.2000000000000002</v>
      </c>
      <c r="S42" s="351">
        <v>93.9</v>
      </c>
      <c r="T42" s="351">
        <v>0.1</v>
      </c>
      <c r="U42" s="351">
        <v>95.5</v>
      </c>
      <c r="V42" s="351">
        <v>-6</v>
      </c>
      <c r="W42" s="351">
        <v>89</v>
      </c>
      <c r="X42" s="351">
        <v>-4.8</v>
      </c>
      <c r="Y42" s="351">
        <v>120.5</v>
      </c>
      <c r="Z42" s="351">
        <v>10.199999999999999</v>
      </c>
      <c r="AA42" s="351">
        <v>116.1</v>
      </c>
      <c r="AB42" s="351">
        <v>2.8</v>
      </c>
      <c r="AC42" s="351">
        <v>71.099999999999994</v>
      </c>
      <c r="AD42" s="351">
        <v>7.4</v>
      </c>
      <c r="AE42" s="351">
        <v>98.1</v>
      </c>
      <c r="AF42" s="351">
        <v>-10.4</v>
      </c>
      <c r="AG42" s="361">
        <v>98.3</v>
      </c>
      <c r="AH42" s="361">
        <v>6.7</v>
      </c>
      <c r="AI42" s="351">
        <v>97</v>
      </c>
      <c r="AJ42" s="351">
        <v>-0.2</v>
      </c>
      <c r="AK42" s="159"/>
    </row>
    <row r="43" spans="1:37" s="326" customFormat="1" ht="15" customHeight="1" x14ac:dyDescent="0.15">
      <c r="A43" s="553"/>
      <c r="B43" s="617"/>
      <c r="C43" s="347"/>
      <c r="D43" s="348" t="s">
        <v>202</v>
      </c>
      <c r="E43" s="349">
        <v>100.8</v>
      </c>
      <c r="F43" s="350">
        <v>0</v>
      </c>
      <c r="G43" s="349">
        <v>98.5</v>
      </c>
      <c r="H43" s="349">
        <v>-7.1</v>
      </c>
      <c r="I43" s="349">
        <v>99.7</v>
      </c>
      <c r="J43" s="349">
        <v>-0.8</v>
      </c>
      <c r="K43" s="349">
        <v>102.3</v>
      </c>
      <c r="L43" s="349">
        <v>2.6</v>
      </c>
      <c r="M43" s="349">
        <v>99.7</v>
      </c>
      <c r="N43" s="349">
        <v>0.4</v>
      </c>
      <c r="O43" s="349">
        <v>93.3</v>
      </c>
      <c r="P43" s="349">
        <v>-5.8</v>
      </c>
      <c r="Q43" s="349">
        <v>97.5</v>
      </c>
      <c r="R43" s="349">
        <v>0.5</v>
      </c>
      <c r="S43" s="349">
        <v>97.1</v>
      </c>
      <c r="T43" s="349">
        <v>9.1999999999999993</v>
      </c>
      <c r="U43" s="349">
        <v>94</v>
      </c>
      <c r="V43" s="349">
        <v>-9.6</v>
      </c>
      <c r="W43" s="349">
        <v>97</v>
      </c>
      <c r="X43" s="349">
        <v>0.6</v>
      </c>
      <c r="Y43" s="349">
        <v>121.3</v>
      </c>
      <c r="Z43" s="349">
        <v>14.7</v>
      </c>
      <c r="AA43" s="349">
        <v>113.2</v>
      </c>
      <c r="AB43" s="349">
        <v>7.4</v>
      </c>
      <c r="AC43" s="349">
        <v>111.6</v>
      </c>
      <c r="AD43" s="349">
        <v>16.5</v>
      </c>
      <c r="AE43" s="349">
        <v>96.5</v>
      </c>
      <c r="AF43" s="349">
        <v>-9.3000000000000007</v>
      </c>
      <c r="AG43" s="360">
        <v>93.1</v>
      </c>
      <c r="AH43" s="360">
        <v>-3.9</v>
      </c>
      <c r="AI43" s="349">
        <v>104</v>
      </c>
      <c r="AJ43" s="349">
        <v>4.8</v>
      </c>
      <c r="AK43" s="159"/>
    </row>
    <row r="44" spans="1:37" s="326" customFormat="1" ht="15" customHeight="1" x14ac:dyDescent="0.15">
      <c r="A44" s="553"/>
      <c r="B44" s="431"/>
      <c r="C44" s="347"/>
      <c r="D44" s="348" t="s">
        <v>203</v>
      </c>
      <c r="E44" s="351">
        <v>107.6</v>
      </c>
      <c r="F44" s="352">
        <v>3.4</v>
      </c>
      <c r="G44" s="351">
        <v>112.6</v>
      </c>
      <c r="H44" s="351">
        <v>1.8</v>
      </c>
      <c r="I44" s="351">
        <v>107.8</v>
      </c>
      <c r="J44" s="351">
        <v>3.7</v>
      </c>
      <c r="K44" s="351">
        <v>106.3</v>
      </c>
      <c r="L44" s="351">
        <v>-2.2999999999999998</v>
      </c>
      <c r="M44" s="351">
        <v>108.9</v>
      </c>
      <c r="N44" s="351">
        <v>4</v>
      </c>
      <c r="O44" s="351">
        <v>98.1</v>
      </c>
      <c r="P44" s="351">
        <v>-3.6</v>
      </c>
      <c r="Q44" s="351">
        <v>104</v>
      </c>
      <c r="R44" s="351">
        <v>4.7</v>
      </c>
      <c r="S44" s="351">
        <v>106.7</v>
      </c>
      <c r="T44" s="351">
        <v>7.7</v>
      </c>
      <c r="U44" s="351">
        <v>94.6</v>
      </c>
      <c r="V44" s="351">
        <v>-9</v>
      </c>
      <c r="W44" s="351">
        <v>107.2</v>
      </c>
      <c r="X44" s="351">
        <v>-0.5</v>
      </c>
      <c r="Y44" s="351">
        <v>117.4</v>
      </c>
      <c r="Z44" s="351">
        <v>8.1999999999999993</v>
      </c>
      <c r="AA44" s="351">
        <v>113.3</v>
      </c>
      <c r="AB44" s="351">
        <v>2</v>
      </c>
      <c r="AC44" s="351">
        <v>121.3</v>
      </c>
      <c r="AD44" s="351">
        <v>14.3</v>
      </c>
      <c r="AE44" s="351">
        <v>103.3</v>
      </c>
      <c r="AF44" s="351">
        <v>1.7</v>
      </c>
      <c r="AG44" s="361">
        <v>99.1</v>
      </c>
      <c r="AH44" s="361">
        <v>4.2</v>
      </c>
      <c r="AI44" s="351">
        <v>107.1</v>
      </c>
      <c r="AJ44" s="351">
        <v>3.5</v>
      </c>
      <c r="AK44" s="159"/>
    </row>
    <row r="45" spans="1:37" s="326" customFormat="1" ht="15" customHeight="1" x14ac:dyDescent="0.15">
      <c r="A45" s="553"/>
      <c r="B45" s="431"/>
      <c r="C45" s="347"/>
      <c r="D45" s="348" t="s">
        <v>204</v>
      </c>
      <c r="E45" s="349">
        <v>100.4</v>
      </c>
      <c r="F45" s="350">
        <v>-4.3</v>
      </c>
      <c r="G45" s="349">
        <v>110.9</v>
      </c>
      <c r="H45" s="349">
        <v>-2.7</v>
      </c>
      <c r="I45" s="349">
        <v>101.6</v>
      </c>
      <c r="J45" s="349">
        <v>-4.7</v>
      </c>
      <c r="K45" s="349">
        <v>94.9</v>
      </c>
      <c r="L45" s="349">
        <v>-7.9</v>
      </c>
      <c r="M45" s="349">
        <v>105.1</v>
      </c>
      <c r="N45" s="349">
        <v>-1.7</v>
      </c>
      <c r="O45" s="349">
        <v>93</v>
      </c>
      <c r="P45" s="349">
        <v>-8.4</v>
      </c>
      <c r="Q45" s="349">
        <v>99.3</v>
      </c>
      <c r="R45" s="349">
        <v>-0.6</v>
      </c>
      <c r="S45" s="349">
        <v>88.1</v>
      </c>
      <c r="T45" s="349">
        <v>-6.1</v>
      </c>
      <c r="U45" s="349">
        <v>95.9</v>
      </c>
      <c r="V45" s="349">
        <v>-6.2</v>
      </c>
      <c r="W45" s="349">
        <v>97.9</v>
      </c>
      <c r="X45" s="349">
        <v>-4.9000000000000004</v>
      </c>
      <c r="Y45" s="349">
        <v>119.8</v>
      </c>
      <c r="Z45" s="349">
        <v>12.1</v>
      </c>
      <c r="AA45" s="349">
        <v>113</v>
      </c>
      <c r="AB45" s="349">
        <v>-1.9</v>
      </c>
      <c r="AC45" s="349">
        <v>96.3</v>
      </c>
      <c r="AD45" s="349">
        <v>-5.4</v>
      </c>
      <c r="AE45" s="349">
        <v>97.4</v>
      </c>
      <c r="AF45" s="349">
        <v>-8.6</v>
      </c>
      <c r="AG45" s="360">
        <v>86.8</v>
      </c>
      <c r="AH45" s="360">
        <v>-8.3000000000000007</v>
      </c>
      <c r="AI45" s="349">
        <v>100.8</v>
      </c>
      <c r="AJ45" s="349">
        <v>-2.9</v>
      </c>
      <c r="AK45" s="159"/>
    </row>
    <row r="46" spans="1:37" s="326" customFormat="1" ht="15" customHeight="1" x14ac:dyDescent="0.15">
      <c r="A46" s="553"/>
      <c r="B46" s="431"/>
      <c r="C46" s="347"/>
      <c r="D46" s="348" t="s">
        <v>205</v>
      </c>
      <c r="E46" s="351">
        <v>101.7</v>
      </c>
      <c r="F46" s="352">
        <v>-0.7</v>
      </c>
      <c r="G46" s="351">
        <v>106.7</v>
      </c>
      <c r="H46" s="351">
        <v>-3.3</v>
      </c>
      <c r="I46" s="351">
        <v>101.3</v>
      </c>
      <c r="J46" s="351">
        <v>-1.4</v>
      </c>
      <c r="K46" s="351">
        <v>97.4</v>
      </c>
      <c r="L46" s="351">
        <v>-2.2999999999999998</v>
      </c>
      <c r="M46" s="351">
        <v>106.5</v>
      </c>
      <c r="N46" s="351">
        <v>1</v>
      </c>
      <c r="O46" s="351">
        <v>97.8</v>
      </c>
      <c r="P46" s="351">
        <v>-2.8</v>
      </c>
      <c r="Q46" s="351">
        <v>99.7</v>
      </c>
      <c r="R46" s="351">
        <v>-0.1</v>
      </c>
      <c r="S46" s="351">
        <v>101.3</v>
      </c>
      <c r="T46" s="351">
        <v>4.9000000000000004</v>
      </c>
      <c r="U46" s="351">
        <v>95.5</v>
      </c>
      <c r="V46" s="351">
        <v>-4.4000000000000004</v>
      </c>
      <c r="W46" s="351">
        <v>97.8</v>
      </c>
      <c r="X46" s="351">
        <v>1.6</v>
      </c>
      <c r="Y46" s="351">
        <v>121.2</v>
      </c>
      <c r="Z46" s="351">
        <v>9.8000000000000007</v>
      </c>
      <c r="AA46" s="351">
        <v>112</v>
      </c>
      <c r="AB46" s="351">
        <v>1.9</v>
      </c>
      <c r="AC46" s="351">
        <v>101.5</v>
      </c>
      <c r="AD46" s="351">
        <v>15.2</v>
      </c>
      <c r="AE46" s="351">
        <v>96.8</v>
      </c>
      <c r="AF46" s="351">
        <v>-10.9</v>
      </c>
      <c r="AG46" s="361">
        <v>108.1</v>
      </c>
      <c r="AH46" s="361">
        <v>1.4</v>
      </c>
      <c r="AI46" s="351">
        <v>103.3</v>
      </c>
      <c r="AJ46" s="351">
        <v>2</v>
      </c>
      <c r="AK46" s="159"/>
    </row>
    <row r="47" spans="1:37" s="326" customFormat="1" ht="14.25" customHeight="1" x14ac:dyDescent="0.15">
      <c r="A47" s="553"/>
      <c r="B47" s="431"/>
      <c r="C47" s="347"/>
      <c r="D47" s="348"/>
      <c r="E47" s="351"/>
      <c r="F47" s="352"/>
      <c r="G47" s="351"/>
      <c r="H47" s="351"/>
      <c r="I47" s="351"/>
      <c r="J47" s="351"/>
      <c r="K47" s="351"/>
      <c r="L47" s="351"/>
      <c r="M47" s="351"/>
      <c r="N47" s="351"/>
      <c r="O47" s="351"/>
      <c r="P47" s="351"/>
      <c r="Q47" s="351"/>
      <c r="R47" s="351"/>
      <c r="S47" s="351"/>
      <c r="T47" s="351"/>
      <c r="U47" s="351"/>
      <c r="V47" s="351"/>
      <c r="W47" s="351"/>
      <c r="X47" s="351"/>
      <c r="Y47" s="351"/>
      <c r="Z47" s="351"/>
      <c r="AA47" s="351"/>
      <c r="AB47" s="351"/>
      <c r="AC47" s="351"/>
      <c r="AD47" s="351"/>
      <c r="AE47" s="351"/>
      <c r="AF47" s="351"/>
      <c r="AG47" s="361"/>
      <c r="AH47" s="361"/>
      <c r="AI47" s="351"/>
      <c r="AJ47" s="351"/>
      <c r="AK47" s="159"/>
    </row>
    <row r="48" spans="1:37" s="326" customFormat="1" ht="14.25" customHeight="1" x14ac:dyDescent="0.15">
      <c r="A48" s="553"/>
      <c r="B48" s="431"/>
      <c r="C48" s="347" t="s">
        <v>206</v>
      </c>
      <c r="D48" s="348" t="s">
        <v>194</v>
      </c>
      <c r="E48" s="349">
        <v>98.4</v>
      </c>
      <c r="F48" s="350">
        <v>1</v>
      </c>
      <c r="G48" s="349">
        <v>101.3</v>
      </c>
      <c r="H48" s="349">
        <v>-1.7</v>
      </c>
      <c r="I48" s="349">
        <v>94.4</v>
      </c>
      <c r="J48" s="349">
        <v>-1.2</v>
      </c>
      <c r="K48" s="349">
        <v>93.8</v>
      </c>
      <c r="L48" s="349">
        <v>-5.9</v>
      </c>
      <c r="M48" s="349">
        <v>101.5</v>
      </c>
      <c r="N48" s="349">
        <v>-2.1</v>
      </c>
      <c r="O48" s="349">
        <v>88.1</v>
      </c>
      <c r="P48" s="349">
        <v>-3.2</v>
      </c>
      <c r="Q48" s="349">
        <v>98.4</v>
      </c>
      <c r="R48" s="349">
        <v>3.8</v>
      </c>
      <c r="S48" s="349">
        <v>99.4</v>
      </c>
      <c r="T48" s="349">
        <v>9.6</v>
      </c>
      <c r="U48" s="349">
        <v>94.3</v>
      </c>
      <c r="V48" s="349">
        <v>2.8</v>
      </c>
      <c r="W48" s="349">
        <v>98</v>
      </c>
      <c r="X48" s="349">
        <v>4.5999999999999996</v>
      </c>
      <c r="Y48" s="349">
        <v>119.6</v>
      </c>
      <c r="Z48" s="349">
        <v>1.1000000000000001</v>
      </c>
      <c r="AA48" s="349">
        <v>111.7</v>
      </c>
      <c r="AB48" s="349">
        <v>2.9</v>
      </c>
      <c r="AC48" s="349">
        <v>98.4</v>
      </c>
      <c r="AD48" s="349">
        <v>-5.8</v>
      </c>
      <c r="AE48" s="349">
        <v>98.2</v>
      </c>
      <c r="AF48" s="349">
        <v>5.0999999999999996</v>
      </c>
      <c r="AG48" s="349">
        <v>97.3</v>
      </c>
      <c r="AH48" s="360">
        <v>1.6</v>
      </c>
      <c r="AI48" s="349">
        <v>100.8</v>
      </c>
      <c r="AJ48" s="349">
        <v>3.2</v>
      </c>
      <c r="AK48" s="159"/>
    </row>
    <row r="49" spans="1:36" ht="11.25" customHeight="1" thickBot="1" x14ac:dyDescent="0.2">
      <c r="A49" s="553"/>
      <c r="B49" s="433"/>
      <c r="C49" s="363"/>
      <c r="D49" s="364"/>
      <c r="E49" s="434"/>
      <c r="F49" s="435"/>
      <c r="G49" s="434"/>
      <c r="H49" s="434"/>
      <c r="I49" s="434"/>
      <c r="J49" s="434"/>
      <c r="K49" s="434"/>
      <c r="L49" s="434"/>
      <c r="M49" s="434"/>
      <c r="N49" s="434"/>
      <c r="O49" s="434"/>
      <c r="P49" s="434"/>
      <c r="Q49" s="434"/>
      <c r="R49" s="434"/>
      <c r="S49" s="434"/>
      <c r="T49" s="434"/>
      <c r="U49" s="434"/>
      <c r="V49" s="434"/>
      <c r="W49" s="434"/>
      <c r="X49" s="434"/>
      <c r="Y49" s="434"/>
      <c r="Z49" s="434"/>
      <c r="AA49" s="434"/>
      <c r="AB49" s="434"/>
      <c r="AC49" s="434"/>
      <c r="AD49" s="434"/>
      <c r="AE49" s="434"/>
      <c r="AF49" s="434"/>
      <c r="AG49" s="434"/>
      <c r="AH49" s="434"/>
      <c r="AI49" s="434"/>
      <c r="AJ49" s="434"/>
    </row>
    <row r="50" spans="1:36" ht="14.1" customHeight="1" x14ac:dyDescent="0.15">
      <c r="A50" s="553"/>
      <c r="C50" s="611" t="s">
        <v>207</v>
      </c>
      <c r="D50" s="612"/>
      <c r="E50" s="612"/>
      <c r="F50" s="612"/>
      <c r="G50" s="612"/>
      <c r="H50" s="612"/>
      <c r="I50" s="612"/>
      <c r="J50" s="612"/>
      <c r="K50" s="612"/>
      <c r="L50" s="612"/>
      <c r="M50" s="613"/>
      <c r="N50" s="613"/>
      <c r="O50" s="613"/>
      <c r="P50" s="613"/>
      <c r="Q50" s="613"/>
      <c r="R50" s="613"/>
      <c r="S50" s="613"/>
      <c r="T50" s="613"/>
      <c r="U50" s="613"/>
      <c r="V50" s="613"/>
      <c r="W50" s="613"/>
      <c r="X50" s="613"/>
      <c r="Y50" s="613"/>
      <c r="Z50" s="613"/>
      <c r="AA50" s="613"/>
      <c r="AB50" s="613"/>
      <c r="AC50" s="613"/>
      <c r="AD50" s="613"/>
      <c r="AE50" s="613"/>
      <c r="AF50" s="613"/>
    </row>
  </sheetData>
  <protectedRanges>
    <protectedRange sqref="U26:AB26" name="範囲1_1_1"/>
    <protectedRange sqref="AI26:AJ26" name="範囲1_1_2"/>
    <protectedRange sqref="U47:AB47" name="範囲1_1_3"/>
    <protectedRange sqref="AI47:AJ47" name="範囲1_1_4"/>
  </protectedRanges>
  <mergeCells count="54">
    <mergeCell ref="AG6:AH6"/>
    <mergeCell ref="AI6:AJ6"/>
    <mergeCell ref="B8:B28"/>
    <mergeCell ref="B35:B39"/>
    <mergeCell ref="B41:B43"/>
    <mergeCell ref="C50:AF50"/>
    <mergeCell ref="U6:V6"/>
    <mergeCell ref="W6:X6"/>
    <mergeCell ref="Y6:Z6"/>
    <mergeCell ref="AA6:AB6"/>
    <mergeCell ref="AC6:AD6"/>
    <mergeCell ref="AE6:AF6"/>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AA4:AB4"/>
    <mergeCell ref="AC4:AD4"/>
    <mergeCell ref="AE4:AF4"/>
    <mergeCell ref="AG4:AH4"/>
    <mergeCell ref="AI4:AJ4"/>
    <mergeCell ref="K5:L5"/>
    <mergeCell ref="M5:N5"/>
    <mergeCell ref="O5:P5"/>
    <mergeCell ref="Q5:R5"/>
    <mergeCell ref="S5:T5"/>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s>
  <phoneticPr fontId="3"/>
  <printOptions horizontalCentered="1"/>
  <pageMargins left="0.59055118110236227" right="0.59055118110236227" top="0.39370078740157483" bottom="0.59055118110236227" header="0" footer="0.19685039370078741"/>
  <pageSetup paperSize="9" scale="72" orientation="landscape" errors="blank" r:id="rId1"/>
  <headerFooter alignWithMargins="0"/>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76C87EC-24CD-40B3-9730-B1F5AC1C9140}">
  <sheetPr codeName="Sheet21">
    <tabColor indexed="52"/>
    <pageSetUpPr fitToPage="1"/>
  </sheetPr>
  <dimension ref="A1:AK50"/>
  <sheetViews>
    <sheetView view="pageBreakPreview" topLeftCell="A19" zoomScaleNormal="100" zoomScaleSheetLayoutView="100" workbookViewId="0">
      <selection sqref="A1:A50"/>
    </sheetView>
  </sheetViews>
  <sheetFormatPr defaultRowHeight="13.5" x14ac:dyDescent="0.15"/>
  <cols>
    <col min="1" max="1" width="4.375" style="1" customWidth="1"/>
    <col min="2" max="2" width="2.5" style="28" customWidth="1"/>
    <col min="3" max="3" width="6.625" style="28" customWidth="1"/>
    <col min="4" max="4" width="3.875" style="28" customWidth="1"/>
    <col min="5" max="32" width="4.875" style="28" customWidth="1"/>
    <col min="33" max="34" width="5.125" style="28" bestFit="1" customWidth="1"/>
    <col min="35" max="36" width="4.875" style="28" customWidth="1"/>
    <col min="37" max="37" width="9" style="28"/>
    <col min="38" max="16384" width="9" style="3"/>
  </cols>
  <sheetData>
    <row r="1" spans="1:37" ht="18.75" customHeight="1" x14ac:dyDescent="0.15">
      <c r="A1" s="553" t="s">
        <v>217</v>
      </c>
      <c r="B1" s="321" t="s">
        <v>218</v>
      </c>
      <c r="D1" s="322"/>
      <c r="E1" s="322"/>
      <c r="F1" s="322"/>
      <c r="G1" s="322"/>
      <c r="H1" s="322"/>
      <c r="I1" s="322"/>
      <c r="J1" s="322"/>
      <c r="K1" s="322"/>
      <c r="L1" s="322"/>
      <c r="M1" s="322"/>
      <c r="N1" s="322"/>
      <c r="O1" s="322"/>
      <c r="P1" s="322"/>
      <c r="Q1" s="322"/>
      <c r="R1" s="322"/>
      <c r="S1" s="322"/>
      <c r="T1" s="322"/>
      <c r="U1" s="322"/>
      <c r="V1" s="322"/>
      <c r="W1" s="322"/>
      <c r="X1" s="322"/>
      <c r="Y1" s="322"/>
      <c r="Z1" s="322"/>
      <c r="AA1" s="322"/>
      <c r="AB1" s="322"/>
      <c r="AC1" s="322"/>
      <c r="AD1" s="322"/>
      <c r="AE1" s="322"/>
      <c r="AF1" s="555" t="s">
        <v>165</v>
      </c>
      <c r="AG1" s="555"/>
      <c r="AH1" s="555"/>
      <c r="AI1" s="555"/>
      <c r="AJ1" s="555"/>
    </row>
    <row r="2" spans="1:37" s="326" customFormat="1" ht="3.75" customHeight="1" thickBot="1" x14ac:dyDescent="0.2">
      <c r="A2" s="553"/>
      <c r="B2" s="157"/>
      <c r="C2" s="324"/>
      <c r="D2" s="324"/>
      <c r="E2" s="324"/>
      <c r="F2" s="324"/>
      <c r="G2" s="314"/>
      <c r="H2" s="587"/>
      <c r="I2" s="587"/>
      <c r="J2" s="587"/>
      <c r="K2" s="587"/>
      <c r="L2" s="587"/>
      <c r="M2" s="324"/>
      <c r="N2" s="324"/>
      <c r="O2" s="324"/>
      <c r="P2" s="587"/>
      <c r="Q2" s="587"/>
      <c r="R2" s="587"/>
      <c r="S2" s="587"/>
      <c r="T2" s="587"/>
      <c r="U2" s="324"/>
      <c r="V2" s="324"/>
      <c r="W2" s="324"/>
      <c r="X2" s="324"/>
      <c r="Y2" s="324"/>
      <c r="Z2" s="324"/>
      <c r="AA2" s="324"/>
      <c r="AB2" s="159"/>
      <c r="AC2" s="159"/>
      <c r="AD2" s="159"/>
      <c r="AE2" s="159"/>
      <c r="AF2" s="325"/>
      <c r="AG2" s="325"/>
      <c r="AH2" s="325"/>
      <c r="AI2" s="325"/>
      <c r="AJ2" s="325"/>
      <c r="AK2" s="159"/>
    </row>
    <row r="3" spans="1:37" s="326" customFormat="1" ht="6" customHeight="1" x14ac:dyDescent="0.15">
      <c r="A3" s="553"/>
      <c r="B3" s="327"/>
      <c r="C3" s="591"/>
      <c r="D3" s="592"/>
      <c r="E3" s="328"/>
      <c r="F3" s="329"/>
      <c r="G3" s="330"/>
      <c r="H3" s="331"/>
      <c r="I3" s="328"/>
      <c r="J3" s="331"/>
      <c r="K3" s="328"/>
      <c r="L3" s="331"/>
      <c r="M3" s="328"/>
      <c r="N3" s="331"/>
      <c r="O3" s="328"/>
      <c r="P3" s="331"/>
      <c r="Q3" s="328"/>
      <c r="R3" s="331"/>
      <c r="S3" s="328"/>
      <c r="T3" s="330"/>
      <c r="U3" s="328"/>
      <c r="V3" s="331"/>
      <c r="W3" s="328"/>
      <c r="X3" s="331"/>
      <c r="Y3" s="328"/>
      <c r="Z3" s="331"/>
      <c r="AA3" s="328"/>
      <c r="AB3" s="331"/>
      <c r="AC3" s="328"/>
      <c r="AD3" s="330"/>
      <c r="AE3" s="328"/>
      <c r="AF3" s="331"/>
      <c r="AG3" s="328"/>
      <c r="AH3" s="331"/>
      <c r="AI3" s="328"/>
      <c r="AJ3" s="330"/>
      <c r="AK3" s="159"/>
    </row>
    <row r="4" spans="1:37" s="326" customFormat="1" ht="12" customHeight="1" x14ac:dyDescent="0.15">
      <c r="A4" s="553"/>
      <c r="B4" s="157"/>
      <c r="C4" s="593"/>
      <c r="D4" s="594"/>
      <c r="E4" s="589" t="s">
        <v>78</v>
      </c>
      <c r="F4" s="597"/>
      <c r="G4" s="598" t="s">
        <v>79</v>
      </c>
      <c r="H4" s="599"/>
      <c r="I4" s="589" t="s">
        <v>80</v>
      </c>
      <c r="J4" s="599"/>
      <c r="K4" s="589" t="s">
        <v>166</v>
      </c>
      <c r="L4" s="599"/>
      <c r="M4" s="589" t="s">
        <v>82</v>
      </c>
      <c r="N4" s="600"/>
      <c r="O4" s="589" t="s">
        <v>167</v>
      </c>
      <c r="P4" s="600"/>
      <c r="Q4" s="589" t="s">
        <v>168</v>
      </c>
      <c r="R4" s="600"/>
      <c r="S4" s="589" t="s">
        <v>169</v>
      </c>
      <c r="T4" s="600"/>
      <c r="U4" s="589" t="s">
        <v>170</v>
      </c>
      <c r="V4" s="600"/>
      <c r="W4" s="601" t="s">
        <v>171</v>
      </c>
      <c r="X4" s="602"/>
      <c r="Y4" s="589" t="s">
        <v>172</v>
      </c>
      <c r="Z4" s="590"/>
      <c r="AA4" s="601" t="s">
        <v>173</v>
      </c>
      <c r="AB4" s="602"/>
      <c r="AC4" s="589" t="s">
        <v>174</v>
      </c>
      <c r="AD4" s="590"/>
      <c r="AE4" s="589" t="s">
        <v>91</v>
      </c>
      <c r="AF4" s="590"/>
      <c r="AG4" s="589" t="s">
        <v>175</v>
      </c>
      <c r="AH4" s="590"/>
      <c r="AI4" s="589" t="s">
        <v>93</v>
      </c>
      <c r="AJ4" s="605"/>
      <c r="AK4" s="159"/>
    </row>
    <row r="5" spans="1:37" s="326" customFormat="1" ht="12" customHeight="1" x14ac:dyDescent="0.15">
      <c r="A5" s="553"/>
      <c r="B5" s="157"/>
      <c r="C5" s="593"/>
      <c r="D5" s="594"/>
      <c r="E5" s="332"/>
      <c r="F5" s="333"/>
      <c r="G5" s="334"/>
      <c r="H5" s="335"/>
      <c r="I5" s="332"/>
      <c r="J5" s="335"/>
      <c r="K5" s="601" t="s">
        <v>176</v>
      </c>
      <c r="L5" s="602"/>
      <c r="M5" s="603"/>
      <c r="N5" s="600"/>
      <c r="O5" s="604" t="s">
        <v>177</v>
      </c>
      <c r="P5" s="600"/>
      <c r="Q5" s="589" t="s">
        <v>178</v>
      </c>
      <c r="R5" s="600"/>
      <c r="S5" s="589" t="s">
        <v>179</v>
      </c>
      <c r="T5" s="600"/>
      <c r="U5" s="589" t="s">
        <v>180</v>
      </c>
      <c r="V5" s="600"/>
      <c r="W5" s="601" t="s">
        <v>181</v>
      </c>
      <c r="X5" s="602"/>
      <c r="Y5" s="601" t="s">
        <v>182</v>
      </c>
      <c r="Z5" s="602"/>
      <c r="AA5" s="589" t="s">
        <v>183</v>
      </c>
      <c r="AB5" s="600"/>
      <c r="AC5" s="589" t="s">
        <v>184</v>
      </c>
      <c r="AD5" s="590"/>
      <c r="AE5" s="589"/>
      <c r="AF5" s="600"/>
      <c r="AG5" s="589" t="s">
        <v>185</v>
      </c>
      <c r="AH5" s="600"/>
      <c r="AI5" s="589"/>
      <c r="AJ5" s="606"/>
      <c r="AK5" s="159"/>
    </row>
    <row r="6" spans="1:37" s="337" customFormat="1" ht="15" customHeight="1" x14ac:dyDescent="0.15">
      <c r="A6" s="553"/>
      <c r="B6" s="336"/>
      <c r="C6" s="593"/>
      <c r="D6" s="594"/>
      <c r="E6" s="607" t="s">
        <v>186</v>
      </c>
      <c r="F6" s="608"/>
      <c r="G6" s="609" t="s">
        <v>186</v>
      </c>
      <c r="H6" s="610"/>
      <c r="I6" s="607" t="s">
        <v>186</v>
      </c>
      <c r="J6" s="610"/>
      <c r="K6" s="607" t="s">
        <v>186</v>
      </c>
      <c r="L6" s="610"/>
      <c r="M6" s="607" t="s">
        <v>186</v>
      </c>
      <c r="N6" s="610"/>
      <c r="O6" s="607" t="s">
        <v>186</v>
      </c>
      <c r="P6" s="610"/>
      <c r="Q6" s="607" t="s">
        <v>186</v>
      </c>
      <c r="R6" s="610"/>
      <c r="S6" s="607" t="s">
        <v>186</v>
      </c>
      <c r="T6" s="610"/>
      <c r="U6" s="607" t="s">
        <v>186</v>
      </c>
      <c r="V6" s="610"/>
      <c r="W6" s="607" t="s">
        <v>186</v>
      </c>
      <c r="X6" s="610"/>
      <c r="Y6" s="607" t="s">
        <v>186</v>
      </c>
      <c r="Z6" s="610"/>
      <c r="AA6" s="607" t="s">
        <v>186</v>
      </c>
      <c r="AB6" s="610"/>
      <c r="AC6" s="607" t="s">
        <v>186</v>
      </c>
      <c r="AD6" s="610"/>
      <c r="AE6" s="607" t="s">
        <v>186</v>
      </c>
      <c r="AF6" s="610"/>
      <c r="AG6" s="607" t="s">
        <v>186</v>
      </c>
      <c r="AH6" s="610"/>
      <c r="AI6" s="607" t="s">
        <v>186</v>
      </c>
      <c r="AJ6" s="609"/>
      <c r="AK6" s="324"/>
    </row>
    <row r="7" spans="1:37" s="326" customFormat="1" ht="7.5" customHeight="1" x14ac:dyDescent="0.15">
      <c r="A7" s="553"/>
      <c r="B7" s="338"/>
      <c r="C7" s="595"/>
      <c r="D7" s="596"/>
      <c r="E7" s="339"/>
      <c r="F7" s="340" t="s">
        <v>142</v>
      </c>
      <c r="G7" s="341"/>
      <c r="H7" s="342" t="s">
        <v>142</v>
      </c>
      <c r="I7" s="339"/>
      <c r="J7" s="342" t="s">
        <v>142</v>
      </c>
      <c r="K7" s="339"/>
      <c r="L7" s="342" t="s">
        <v>142</v>
      </c>
      <c r="M7" s="339"/>
      <c r="N7" s="342" t="s">
        <v>142</v>
      </c>
      <c r="O7" s="339"/>
      <c r="P7" s="342" t="s">
        <v>142</v>
      </c>
      <c r="Q7" s="339"/>
      <c r="R7" s="342" t="s">
        <v>142</v>
      </c>
      <c r="S7" s="339"/>
      <c r="T7" s="342" t="s">
        <v>142</v>
      </c>
      <c r="U7" s="339"/>
      <c r="V7" s="342" t="s">
        <v>142</v>
      </c>
      <c r="W7" s="339"/>
      <c r="X7" s="342" t="s">
        <v>142</v>
      </c>
      <c r="Y7" s="339"/>
      <c r="Z7" s="342" t="s">
        <v>142</v>
      </c>
      <c r="AA7" s="339"/>
      <c r="AB7" s="342" t="s">
        <v>142</v>
      </c>
      <c r="AC7" s="339"/>
      <c r="AD7" s="342" t="s">
        <v>142</v>
      </c>
      <c r="AE7" s="339"/>
      <c r="AF7" s="342" t="s">
        <v>142</v>
      </c>
      <c r="AG7" s="339"/>
      <c r="AH7" s="342" t="s">
        <v>142</v>
      </c>
      <c r="AI7" s="339"/>
      <c r="AJ7" s="259" t="s">
        <v>142</v>
      </c>
      <c r="AK7" s="159"/>
    </row>
    <row r="8" spans="1:37" s="326" customFormat="1" ht="11.25" customHeight="1" x14ac:dyDescent="0.15">
      <c r="A8" s="553"/>
      <c r="B8" s="614" t="s">
        <v>187</v>
      </c>
      <c r="C8" s="343"/>
      <c r="D8" s="430"/>
      <c r="E8" s="264"/>
      <c r="F8" s="265"/>
      <c r="G8" s="264"/>
      <c r="H8" s="264"/>
      <c r="I8" s="264"/>
      <c r="J8" s="264"/>
      <c r="K8" s="264"/>
      <c r="L8" s="264"/>
      <c r="M8" s="264"/>
      <c r="N8" s="264"/>
      <c r="O8" s="264"/>
      <c r="P8" s="264"/>
      <c r="Q8" s="264"/>
      <c r="R8" s="264"/>
      <c r="S8" s="264"/>
      <c r="T8" s="264"/>
      <c r="U8" s="264"/>
      <c r="V8" s="264"/>
      <c r="W8" s="264"/>
      <c r="X8" s="264"/>
      <c r="Y8" s="264"/>
      <c r="Z8" s="264"/>
      <c r="AA8" s="264"/>
      <c r="AB8" s="264"/>
      <c r="AC8" s="264"/>
      <c r="AD8" s="264"/>
      <c r="AE8" s="264"/>
      <c r="AF8" s="264"/>
      <c r="AG8" s="264"/>
      <c r="AH8" s="264"/>
      <c r="AI8" s="264"/>
      <c r="AJ8" s="264"/>
      <c r="AK8" s="159"/>
    </row>
    <row r="9" spans="1:37" s="326" customFormat="1" ht="14.25" customHeight="1" x14ac:dyDescent="0.15">
      <c r="A9" s="553"/>
      <c r="B9" s="615"/>
      <c r="C9" s="347" t="s">
        <v>188</v>
      </c>
      <c r="D9" s="348" t="s">
        <v>189</v>
      </c>
      <c r="E9" s="349">
        <v>100.2</v>
      </c>
      <c r="F9" s="350">
        <v>0</v>
      </c>
      <c r="G9" s="349">
        <v>101.1</v>
      </c>
      <c r="H9" s="349">
        <v>0.3</v>
      </c>
      <c r="I9" s="349">
        <v>102.8</v>
      </c>
      <c r="J9" s="349">
        <v>1.9</v>
      </c>
      <c r="K9" s="349">
        <v>103.2</v>
      </c>
      <c r="L9" s="349">
        <v>0.5</v>
      </c>
      <c r="M9" s="349">
        <v>100.5</v>
      </c>
      <c r="N9" s="349">
        <v>-0.7</v>
      </c>
      <c r="O9" s="349">
        <v>100.3</v>
      </c>
      <c r="P9" s="349">
        <v>2</v>
      </c>
      <c r="Q9" s="349">
        <v>97.5</v>
      </c>
      <c r="R9" s="349">
        <v>-0.1</v>
      </c>
      <c r="S9" s="349">
        <v>97.9</v>
      </c>
      <c r="T9" s="349">
        <v>-1.1000000000000001</v>
      </c>
      <c r="U9" s="349">
        <v>100.4</v>
      </c>
      <c r="V9" s="349">
        <v>-2.7</v>
      </c>
      <c r="W9" s="349">
        <v>100.2</v>
      </c>
      <c r="X9" s="349">
        <v>-0.6</v>
      </c>
      <c r="Y9" s="349">
        <v>114.2</v>
      </c>
      <c r="Z9" s="349">
        <v>12</v>
      </c>
      <c r="AA9" s="349">
        <v>114</v>
      </c>
      <c r="AB9" s="349">
        <v>2.5</v>
      </c>
      <c r="AC9" s="349">
        <v>92.4</v>
      </c>
      <c r="AD9" s="349">
        <v>-10.6</v>
      </c>
      <c r="AE9" s="349">
        <v>100.7</v>
      </c>
      <c r="AF9" s="349">
        <v>3.5</v>
      </c>
      <c r="AG9" s="349">
        <v>98.4</v>
      </c>
      <c r="AH9" s="349">
        <v>-2.4</v>
      </c>
      <c r="AI9" s="349">
        <v>98.7</v>
      </c>
      <c r="AJ9" s="349">
        <v>-3</v>
      </c>
      <c r="AK9" s="159"/>
    </row>
    <row r="10" spans="1:37" s="326" customFormat="1" ht="14.25" customHeight="1" x14ac:dyDescent="0.15">
      <c r="A10" s="553"/>
      <c r="B10" s="615"/>
      <c r="C10" s="347" t="s">
        <v>188</v>
      </c>
      <c r="D10" s="348" t="s">
        <v>190</v>
      </c>
      <c r="E10" s="351">
        <v>100.2</v>
      </c>
      <c r="F10" s="352">
        <v>0</v>
      </c>
      <c r="G10" s="351">
        <v>102.8</v>
      </c>
      <c r="H10" s="351">
        <v>1.7</v>
      </c>
      <c r="I10" s="351">
        <v>103.5</v>
      </c>
      <c r="J10" s="351">
        <v>0.7</v>
      </c>
      <c r="K10" s="351">
        <v>103</v>
      </c>
      <c r="L10" s="351">
        <v>-0.2</v>
      </c>
      <c r="M10" s="351">
        <v>103.3</v>
      </c>
      <c r="N10" s="351">
        <v>2.8</v>
      </c>
      <c r="O10" s="351">
        <v>101.1</v>
      </c>
      <c r="P10" s="351">
        <v>0.8</v>
      </c>
      <c r="Q10" s="351">
        <v>97.7</v>
      </c>
      <c r="R10" s="351">
        <v>0.2</v>
      </c>
      <c r="S10" s="351">
        <v>98.1</v>
      </c>
      <c r="T10" s="351">
        <v>0.2</v>
      </c>
      <c r="U10" s="351">
        <v>101.7</v>
      </c>
      <c r="V10" s="351">
        <v>1.3</v>
      </c>
      <c r="W10" s="351">
        <v>100</v>
      </c>
      <c r="X10" s="351">
        <v>-0.2</v>
      </c>
      <c r="Y10" s="351">
        <v>112.9</v>
      </c>
      <c r="Z10" s="351">
        <v>-1.1000000000000001</v>
      </c>
      <c r="AA10" s="351">
        <v>112</v>
      </c>
      <c r="AB10" s="351">
        <v>-1.8</v>
      </c>
      <c r="AC10" s="351">
        <v>93.8</v>
      </c>
      <c r="AD10" s="351">
        <v>1.5</v>
      </c>
      <c r="AE10" s="351">
        <v>101.4</v>
      </c>
      <c r="AF10" s="351">
        <v>0.7</v>
      </c>
      <c r="AG10" s="351">
        <v>101.4</v>
      </c>
      <c r="AH10" s="351">
        <v>3</v>
      </c>
      <c r="AI10" s="351">
        <v>97.7</v>
      </c>
      <c r="AJ10" s="351">
        <v>-1</v>
      </c>
      <c r="AK10" s="159"/>
    </row>
    <row r="11" spans="1:37" s="326" customFormat="1" ht="14.25" customHeight="1" x14ac:dyDescent="0.15">
      <c r="A11" s="553"/>
      <c r="B11" s="615"/>
      <c r="C11" s="347" t="s">
        <v>188</v>
      </c>
      <c r="D11" s="348" t="s">
        <v>191</v>
      </c>
      <c r="E11" s="349">
        <v>99.9</v>
      </c>
      <c r="F11" s="350">
        <v>-1</v>
      </c>
      <c r="G11" s="349">
        <v>105.9</v>
      </c>
      <c r="H11" s="349">
        <v>3.1</v>
      </c>
      <c r="I11" s="349">
        <v>101.6</v>
      </c>
      <c r="J11" s="349">
        <v>-1.9</v>
      </c>
      <c r="K11" s="349">
        <v>103.4</v>
      </c>
      <c r="L11" s="349">
        <v>0.4</v>
      </c>
      <c r="M11" s="349">
        <v>101.9</v>
      </c>
      <c r="N11" s="349">
        <v>-1.4</v>
      </c>
      <c r="O11" s="349">
        <v>99.5</v>
      </c>
      <c r="P11" s="349">
        <v>-1.5</v>
      </c>
      <c r="Q11" s="349">
        <v>95.1</v>
      </c>
      <c r="R11" s="349">
        <v>-2.6</v>
      </c>
      <c r="S11" s="349">
        <v>96.1</v>
      </c>
      <c r="T11" s="349">
        <v>-2.1</v>
      </c>
      <c r="U11" s="349">
        <v>103.5</v>
      </c>
      <c r="V11" s="349">
        <v>1.6</v>
      </c>
      <c r="W11" s="349">
        <v>99.8</v>
      </c>
      <c r="X11" s="349">
        <v>-0.8</v>
      </c>
      <c r="Y11" s="349">
        <v>101.4</v>
      </c>
      <c r="Z11" s="349">
        <v>-9</v>
      </c>
      <c r="AA11" s="349">
        <v>110.4</v>
      </c>
      <c r="AB11" s="349">
        <v>-1.9</v>
      </c>
      <c r="AC11" s="349">
        <v>93.6</v>
      </c>
      <c r="AD11" s="349">
        <v>-3.5</v>
      </c>
      <c r="AE11" s="349">
        <v>103.3</v>
      </c>
      <c r="AF11" s="349">
        <v>1.9</v>
      </c>
      <c r="AG11" s="349">
        <v>100.5</v>
      </c>
      <c r="AH11" s="349">
        <v>-0.8</v>
      </c>
      <c r="AI11" s="349">
        <v>101.8</v>
      </c>
      <c r="AJ11" s="349">
        <v>4</v>
      </c>
      <c r="AK11" s="159"/>
    </row>
    <row r="12" spans="1:37" s="326" customFormat="1" ht="14.25" customHeight="1" x14ac:dyDescent="0.15">
      <c r="A12" s="553"/>
      <c r="B12" s="615"/>
      <c r="C12" s="347" t="s">
        <v>188</v>
      </c>
      <c r="D12" s="348" t="s">
        <v>192</v>
      </c>
      <c r="E12" s="351">
        <v>98</v>
      </c>
      <c r="F12" s="352">
        <v>-1.9</v>
      </c>
      <c r="G12" s="351">
        <v>102.9</v>
      </c>
      <c r="H12" s="351">
        <v>-2.8</v>
      </c>
      <c r="I12" s="351">
        <v>101.3</v>
      </c>
      <c r="J12" s="351">
        <v>-0.3</v>
      </c>
      <c r="K12" s="351">
        <v>104.2</v>
      </c>
      <c r="L12" s="351">
        <v>0.8</v>
      </c>
      <c r="M12" s="351">
        <v>102.9</v>
      </c>
      <c r="N12" s="351">
        <v>1</v>
      </c>
      <c r="O12" s="351">
        <v>95.9</v>
      </c>
      <c r="P12" s="351">
        <v>-3.6</v>
      </c>
      <c r="Q12" s="351">
        <v>92.1</v>
      </c>
      <c r="R12" s="351">
        <v>-3.2</v>
      </c>
      <c r="S12" s="351">
        <v>99</v>
      </c>
      <c r="T12" s="351">
        <v>3</v>
      </c>
      <c r="U12" s="351">
        <v>98.3</v>
      </c>
      <c r="V12" s="351">
        <v>-5</v>
      </c>
      <c r="W12" s="351">
        <v>98</v>
      </c>
      <c r="X12" s="351">
        <v>-1.8</v>
      </c>
      <c r="Y12" s="351">
        <v>101.4</v>
      </c>
      <c r="Z12" s="351">
        <v>0</v>
      </c>
      <c r="AA12" s="351">
        <v>111.7</v>
      </c>
      <c r="AB12" s="351">
        <v>1.2</v>
      </c>
      <c r="AC12" s="351">
        <v>102.9</v>
      </c>
      <c r="AD12" s="351">
        <v>9.9</v>
      </c>
      <c r="AE12" s="351">
        <v>97.2</v>
      </c>
      <c r="AF12" s="351">
        <v>-5.9</v>
      </c>
      <c r="AG12" s="351">
        <v>103.4</v>
      </c>
      <c r="AH12" s="351">
        <v>2.9</v>
      </c>
      <c r="AI12" s="351">
        <v>99.3</v>
      </c>
      <c r="AJ12" s="351">
        <v>-2.5</v>
      </c>
      <c r="AK12" s="159"/>
    </row>
    <row r="13" spans="1:37" s="326" customFormat="1" ht="14.25" customHeight="1" x14ac:dyDescent="0.15">
      <c r="A13" s="553"/>
      <c r="B13" s="615"/>
      <c r="C13" s="347"/>
      <c r="D13" s="348"/>
      <c r="E13" s="351"/>
      <c r="F13" s="352"/>
      <c r="G13" s="351"/>
      <c r="H13" s="351"/>
      <c r="I13" s="351"/>
      <c r="J13" s="351"/>
      <c r="K13" s="351"/>
      <c r="L13" s="351"/>
      <c r="M13" s="351"/>
      <c r="N13" s="351"/>
      <c r="O13" s="351"/>
      <c r="P13" s="351"/>
      <c r="Q13" s="351"/>
      <c r="R13" s="351"/>
      <c r="S13" s="351"/>
      <c r="T13" s="351"/>
      <c r="U13" s="351"/>
      <c r="V13" s="351"/>
      <c r="W13" s="351"/>
      <c r="X13" s="351"/>
      <c r="Y13" s="351"/>
      <c r="Z13" s="351"/>
      <c r="AA13" s="351"/>
      <c r="AB13" s="351"/>
      <c r="AC13" s="351"/>
      <c r="AD13" s="351"/>
      <c r="AE13" s="351"/>
      <c r="AF13" s="351"/>
      <c r="AG13" s="351"/>
      <c r="AH13" s="351"/>
      <c r="AI13" s="351"/>
      <c r="AJ13" s="351"/>
      <c r="AK13" s="159"/>
    </row>
    <row r="14" spans="1:37" s="326" customFormat="1" ht="15" customHeight="1" x14ac:dyDescent="0.15">
      <c r="A14" s="553"/>
      <c r="B14" s="615"/>
      <c r="C14" s="347" t="s">
        <v>193</v>
      </c>
      <c r="D14" s="348" t="s">
        <v>194</v>
      </c>
      <c r="E14" s="349">
        <v>93.2</v>
      </c>
      <c r="F14" s="350">
        <v>-1</v>
      </c>
      <c r="G14" s="349">
        <v>99.9</v>
      </c>
      <c r="H14" s="349">
        <v>0.2</v>
      </c>
      <c r="I14" s="349">
        <v>94.4</v>
      </c>
      <c r="J14" s="349">
        <v>3.2</v>
      </c>
      <c r="K14" s="349">
        <v>99.4</v>
      </c>
      <c r="L14" s="349">
        <v>3.9</v>
      </c>
      <c r="M14" s="349">
        <v>102</v>
      </c>
      <c r="N14" s="349">
        <v>5</v>
      </c>
      <c r="O14" s="349">
        <v>90.9</v>
      </c>
      <c r="P14" s="349">
        <v>-5.2</v>
      </c>
      <c r="Q14" s="349">
        <v>88.2</v>
      </c>
      <c r="R14" s="349">
        <v>-2.8</v>
      </c>
      <c r="S14" s="349">
        <v>92.3</v>
      </c>
      <c r="T14" s="349">
        <v>5.7</v>
      </c>
      <c r="U14" s="349">
        <v>93.9</v>
      </c>
      <c r="V14" s="349">
        <v>-2.7</v>
      </c>
      <c r="W14" s="349">
        <v>91.5</v>
      </c>
      <c r="X14" s="349">
        <v>0.4</v>
      </c>
      <c r="Y14" s="349">
        <v>100.6</v>
      </c>
      <c r="Z14" s="349">
        <v>-3.2</v>
      </c>
      <c r="AA14" s="349">
        <v>99.4</v>
      </c>
      <c r="AB14" s="349">
        <v>-8.6999999999999993</v>
      </c>
      <c r="AC14" s="349">
        <v>99.4</v>
      </c>
      <c r="AD14" s="349">
        <v>11.4</v>
      </c>
      <c r="AE14" s="349">
        <v>92.4</v>
      </c>
      <c r="AF14" s="349">
        <v>-6.3</v>
      </c>
      <c r="AG14" s="349">
        <v>99</v>
      </c>
      <c r="AH14" s="349">
        <v>-2.4</v>
      </c>
      <c r="AI14" s="349">
        <v>94.3</v>
      </c>
      <c r="AJ14" s="349">
        <v>1.4</v>
      </c>
      <c r="AK14" s="159"/>
    </row>
    <row r="15" spans="1:37" s="326" customFormat="1" ht="15" customHeight="1" x14ac:dyDescent="0.15">
      <c r="A15" s="553"/>
      <c r="B15" s="615"/>
      <c r="C15" s="347"/>
      <c r="D15" s="348" t="s">
        <v>195</v>
      </c>
      <c r="E15" s="351">
        <v>92.8</v>
      </c>
      <c r="F15" s="352">
        <v>-5.3</v>
      </c>
      <c r="G15" s="351">
        <v>98.6</v>
      </c>
      <c r="H15" s="351">
        <v>-8.4</v>
      </c>
      <c r="I15" s="351">
        <v>98.6</v>
      </c>
      <c r="J15" s="351">
        <v>-3.5</v>
      </c>
      <c r="K15" s="351">
        <v>97</v>
      </c>
      <c r="L15" s="351">
        <v>-0.1</v>
      </c>
      <c r="M15" s="351">
        <v>94</v>
      </c>
      <c r="N15" s="351">
        <v>-3.2</v>
      </c>
      <c r="O15" s="351">
        <v>92.6</v>
      </c>
      <c r="P15" s="351">
        <v>-5.2</v>
      </c>
      <c r="Q15" s="351">
        <v>87.7</v>
      </c>
      <c r="R15" s="351">
        <v>-5.6</v>
      </c>
      <c r="S15" s="351">
        <v>90.5</v>
      </c>
      <c r="T15" s="351">
        <v>3.9</v>
      </c>
      <c r="U15" s="351">
        <v>90.9</v>
      </c>
      <c r="V15" s="351">
        <v>-13.4</v>
      </c>
      <c r="W15" s="351">
        <v>94</v>
      </c>
      <c r="X15" s="351">
        <v>-3.7</v>
      </c>
      <c r="Y15" s="351">
        <v>95.1</v>
      </c>
      <c r="Z15" s="351">
        <v>-8.5</v>
      </c>
      <c r="AA15" s="351">
        <v>94.9</v>
      </c>
      <c r="AB15" s="351">
        <v>-7.1</v>
      </c>
      <c r="AC15" s="351">
        <v>97</v>
      </c>
      <c r="AD15" s="351">
        <v>5.2</v>
      </c>
      <c r="AE15" s="351">
        <v>90.8</v>
      </c>
      <c r="AF15" s="351">
        <v>-7.7</v>
      </c>
      <c r="AG15" s="351">
        <v>92.1</v>
      </c>
      <c r="AH15" s="351">
        <v>-1.6</v>
      </c>
      <c r="AI15" s="351">
        <v>95.6</v>
      </c>
      <c r="AJ15" s="351">
        <v>-6.5</v>
      </c>
      <c r="AK15" s="159"/>
    </row>
    <row r="16" spans="1:37" s="326" customFormat="1" ht="15" customHeight="1" x14ac:dyDescent="0.15">
      <c r="A16" s="553"/>
      <c r="B16" s="615"/>
      <c r="C16" s="347"/>
      <c r="D16" s="348" t="s">
        <v>196</v>
      </c>
      <c r="E16" s="349">
        <v>95.9</v>
      </c>
      <c r="F16" s="350">
        <v>-2.8</v>
      </c>
      <c r="G16" s="349">
        <v>100.4</v>
      </c>
      <c r="H16" s="349">
        <v>-3.6</v>
      </c>
      <c r="I16" s="349">
        <v>98.9</v>
      </c>
      <c r="J16" s="349">
        <v>-2.9</v>
      </c>
      <c r="K16" s="349">
        <v>99.5</v>
      </c>
      <c r="L16" s="349">
        <v>-1.3</v>
      </c>
      <c r="M16" s="349">
        <v>102.4</v>
      </c>
      <c r="N16" s="349">
        <v>2.2999999999999998</v>
      </c>
      <c r="O16" s="349">
        <v>94.1</v>
      </c>
      <c r="P16" s="349">
        <v>-6.6</v>
      </c>
      <c r="Q16" s="349">
        <v>88.9</v>
      </c>
      <c r="R16" s="349">
        <v>-4.3</v>
      </c>
      <c r="S16" s="349">
        <v>98.7</v>
      </c>
      <c r="T16" s="349">
        <v>8.1</v>
      </c>
      <c r="U16" s="349">
        <v>99</v>
      </c>
      <c r="V16" s="349">
        <v>-4.3</v>
      </c>
      <c r="W16" s="349">
        <v>96.9</v>
      </c>
      <c r="X16" s="349">
        <v>-1.7</v>
      </c>
      <c r="Y16" s="349">
        <v>101.3</v>
      </c>
      <c r="Z16" s="349">
        <v>-1.6</v>
      </c>
      <c r="AA16" s="349">
        <v>100.6</v>
      </c>
      <c r="AB16" s="349">
        <v>-5.5</v>
      </c>
      <c r="AC16" s="349">
        <v>100.4</v>
      </c>
      <c r="AD16" s="349">
        <v>12.4</v>
      </c>
      <c r="AE16" s="349">
        <v>94.8</v>
      </c>
      <c r="AF16" s="349">
        <v>-6.8</v>
      </c>
      <c r="AG16" s="349">
        <v>102.5</v>
      </c>
      <c r="AH16" s="349">
        <v>2.4</v>
      </c>
      <c r="AI16" s="349">
        <v>99.6</v>
      </c>
      <c r="AJ16" s="349">
        <v>-2.5</v>
      </c>
      <c r="AK16" s="159"/>
    </row>
    <row r="17" spans="1:37" s="326" customFormat="1" ht="15" customHeight="1" x14ac:dyDescent="0.15">
      <c r="A17" s="553"/>
      <c r="B17" s="615"/>
      <c r="C17" s="347"/>
      <c r="D17" s="348" t="s">
        <v>197</v>
      </c>
      <c r="E17" s="351">
        <v>100.3</v>
      </c>
      <c r="F17" s="352">
        <v>-2.5</v>
      </c>
      <c r="G17" s="351">
        <v>108.4</v>
      </c>
      <c r="H17" s="351">
        <v>1.2</v>
      </c>
      <c r="I17" s="351">
        <v>103.3</v>
      </c>
      <c r="J17" s="351">
        <v>-0.8</v>
      </c>
      <c r="K17" s="351">
        <v>111.1</v>
      </c>
      <c r="L17" s="351">
        <v>4.2</v>
      </c>
      <c r="M17" s="351">
        <v>103.9</v>
      </c>
      <c r="N17" s="351">
        <v>1.9</v>
      </c>
      <c r="O17" s="351">
        <v>98.5</v>
      </c>
      <c r="P17" s="351">
        <v>-5.3</v>
      </c>
      <c r="Q17" s="351">
        <v>93</v>
      </c>
      <c r="R17" s="351">
        <v>-3.8</v>
      </c>
      <c r="S17" s="351">
        <v>105.2</v>
      </c>
      <c r="T17" s="351">
        <v>5</v>
      </c>
      <c r="U17" s="351">
        <v>103.4</v>
      </c>
      <c r="V17" s="351">
        <v>-2.7</v>
      </c>
      <c r="W17" s="351">
        <v>100.4</v>
      </c>
      <c r="X17" s="351">
        <v>-1.2</v>
      </c>
      <c r="Y17" s="351">
        <v>101.4</v>
      </c>
      <c r="Z17" s="351">
        <v>-6.2</v>
      </c>
      <c r="AA17" s="351">
        <v>106</v>
      </c>
      <c r="AB17" s="351">
        <v>-9</v>
      </c>
      <c r="AC17" s="351">
        <v>111.4</v>
      </c>
      <c r="AD17" s="351">
        <v>10.3</v>
      </c>
      <c r="AE17" s="351">
        <v>99</v>
      </c>
      <c r="AF17" s="351">
        <v>-6.4</v>
      </c>
      <c r="AG17" s="351">
        <v>107.8</v>
      </c>
      <c r="AH17" s="351">
        <v>3</v>
      </c>
      <c r="AI17" s="351">
        <v>101.9</v>
      </c>
      <c r="AJ17" s="351">
        <v>-2.8</v>
      </c>
      <c r="AK17" s="159"/>
    </row>
    <row r="18" spans="1:37" s="326" customFormat="1" ht="15" customHeight="1" x14ac:dyDescent="0.15">
      <c r="A18" s="553"/>
      <c r="B18" s="615"/>
      <c r="C18" s="347"/>
      <c r="D18" s="348" t="s">
        <v>198</v>
      </c>
      <c r="E18" s="349">
        <v>97.9</v>
      </c>
      <c r="F18" s="350">
        <v>-2</v>
      </c>
      <c r="G18" s="349">
        <v>101.8</v>
      </c>
      <c r="H18" s="349">
        <v>0.1</v>
      </c>
      <c r="I18" s="349">
        <v>97.6</v>
      </c>
      <c r="J18" s="349">
        <v>-1.3</v>
      </c>
      <c r="K18" s="349">
        <v>106.3</v>
      </c>
      <c r="L18" s="349">
        <v>-1.1000000000000001</v>
      </c>
      <c r="M18" s="349">
        <v>103.6</v>
      </c>
      <c r="N18" s="349">
        <v>-0.7</v>
      </c>
      <c r="O18" s="349">
        <v>94.8</v>
      </c>
      <c r="P18" s="349">
        <v>-3.9</v>
      </c>
      <c r="Q18" s="349">
        <v>92.7</v>
      </c>
      <c r="R18" s="349">
        <v>-1.1000000000000001</v>
      </c>
      <c r="S18" s="349">
        <v>102.2</v>
      </c>
      <c r="T18" s="349">
        <v>1.1000000000000001</v>
      </c>
      <c r="U18" s="349">
        <v>96.8</v>
      </c>
      <c r="V18" s="349">
        <v>-2.7</v>
      </c>
      <c r="W18" s="349">
        <v>97.4</v>
      </c>
      <c r="X18" s="349">
        <v>-2.5</v>
      </c>
      <c r="Y18" s="349">
        <v>103.2</v>
      </c>
      <c r="Z18" s="349">
        <v>1.5</v>
      </c>
      <c r="AA18" s="349">
        <v>110.9</v>
      </c>
      <c r="AB18" s="349">
        <v>-1.9</v>
      </c>
      <c r="AC18" s="349">
        <v>106.4</v>
      </c>
      <c r="AD18" s="349">
        <v>10.8</v>
      </c>
      <c r="AE18" s="349">
        <v>98.3</v>
      </c>
      <c r="AF18" s="349">
        <v>-7.4</v>
      </c>
      <c r="AG18" s="349">
        <v>102.4</v>
      </c>
      <c r="AH18" s="349">
        <v>-2.5</v>
      </c>
      <c r="AI18" s="349">
        <v>98.4</v>
      </c>
      <c r="AJ18" s="349">
        <v>-2.9</v>
      </c>
      <c r="AK18" s="159"/>
    </row>
    <row r="19" spans="1:37" s="326" customFormat="1" ht="15" customHeight="1" x14ac:dyDescent="0.15">
      <c r="A19" s="553"/>
      <c r="B19" s="615"/>
      <c r="C19" s="347"/>
      <c r="D19" s="348" t="s">
        <v>199</v>
      </c>
      <c r="E19" s="351">
        <v>101</v>
      </c>
      <c r="F19" s="352">
        <v>-0.8</v>
      </c>
      <c r="G19" s="351">
        <v>105</v>
      </c>
      <c r="H19" s="351">
        <v>-3</v>
      </c>
      <c r="I19" s="351">
        <v>104.8</v>
      </c>
      <c r="J19" s="351">
        <v>0.3</v>
      </c>
      <c r="K19" s="351">
        <v>108.3</v>
      </c>
      <c r="L19" s="351">
        <v>4.7</v>
      </c>
      <c r="M19" s="351">
        <v>101.8</v>
      </c>
      <c r="N19" s="351">
        <v>-0.9</v>
      </c>
      <c r="O19" s="351">
        <v>99.7</v>
      </c>
      <c r="P19" s="351">
        <v>-3.5</v>
      </c>
      <c r="Q19" s="351">
        <v>94.7</v>
      </c>
      <c r="R19" s="351">
        <v>-0.4</v>
      </c>
      <c r="S19" s="351">
        <v>107</v>
      </c>
      <c r="T19" s="351">
        <v>10.199999999999999</v>
      </c>
      <c r="U19" s="351">
        <v>101.8</v>
      </c>
      <c r="V19" s="351">
        <v>-1.8</v>
      </c>
      <c r="W19" s="351">
        <v>102.5</v>
      </c>
      <c r="X19" s="351">
        <v>2.1</v>
      </c>
      <c r="Y19" s="351">
        <v>99.2</v>
      </c>
      <c r="Z19" s="351">
        <v>-2.9</v>
      </c>
      <c r="AA19" s="351">
        <v>118.9</v>
      </c>
      <c r="AB19" s="351">
        <v>4.8</v>
      </c>
      <c r="AC19" s="351">
        <v>107.6</v>
      </c>
      <c r="AD19" s="351">
        <v>12.4</v>
      </c>
      <c r="AE19" s="351">
        <v>99.3</v>
      </c>
      <c r="AF19" s="351">
        <v>-6.3</v>
      </c>
      <c r="AG19" s="351">
        <v>107.7</v>
      </c>
      <c r="AH19" s="351">
        <v>8.6</v>
      </c>
      <c r="AI19" s="351">
        <v>103.5</v>
      </c>
      <c r="AJ19" s="351">
        <v>-0.9</v>
      </c>
      <c r="AK19" s="159"/>
    </row>
    <row r="20" spans="1:37" s="326" customFormat="1" ht="15" customHeight="1" x14ac:dyDescent="0.15">
      <c r="A20" s="553"/>
      <c r="B20" s="615"/>
      <c r="C20" s="347"/>
      <c r="D20" s="348" t="s">
        <v>200</v>
      </c>
      <c r="E20" s="349">
        <v>104.1</v>
      </c>
      <c r="F20" s="350">
        <v>-0.1</v>
      </c>
      <c r="G20" s="349">
        <v>111.4</v>
      </c>
      <c r="H20" s="349">
        <v>-0.8</v>
      </c>
      <c r="I20" s="349">
        <v>109.7</v>
      </c>
      <c r="J20" s="349">
        <v>2.7</v>
      </c>
      <c r="K20" s="349">
        <v>114</v>
      </c>
      <c r="L20" s="349">
        <v>5.6</v>
      </c>
      <c r="M20" s="349">
        <v>111</v>
      </c>
      <c r="N20" s="349">
        <v>3.3</v>
      </c>
      <c r="O20" s="349">
        <v>99.4</v>
      </c>
      <c r="P20" s="349">
        <v>-0.3</v>
      </c>
      <c r="Q20" s="349">
        <v>96</v>
      </c>
      <c r="R20" s="349">
        <v>-1.6</v>
      </c>
      <c r="S20" s="349">
        <v>105.4</v>
      </c>
      <c r="T20" s="349">
        <v>0</v>
      </c>
      <c r="U20" s="349">
        <v>104</v>
      </c>
      <c r="V20" s="349">
        <v>-2.9</v>
      </c>
      <c r="W20" s="349">
        <v>107.6</v>
      </c>
      <c r="X20" s="349">
        <v>-0.7</v>
      </c>
      <c r="Y20" s="349">
        <v>103.2</v>
      </c>
      <c r="Z20" s="349">
        <v>1.5</v>
      </c>
      <c r="AA20" s="349">
        <v>120.3</v>
      </c>
      <c r="AB20" s="349">
        <v>9.6</v>
      </c>
      <c r="AC20" s="349">
        <v>108.8</v>
      </c>
      <c r="AD20" s="349">
        <v>9.8000000000000007</v>
      </c>
      <c r="AE20" s="349">
        <v>102.9</v>
      </c>
      <c r="AF20" s="349">
        <v>-5.2</v>
      </c>
      <c r="AG20" s="349">
        <v>110.8</v>
      </c>
      <c r="AH20" s="349">
        <v>6.8</v>
      </c>
      <c r="AI20" s="349">
        <v>105.6</v>
      </c>
      <c r="AJ20" s="349">
        <v>-1.5</v>
      </c>
      <c r="AK20" s="159"/>
    </row>
    <row r="21" spans="1:37" s="326" customFormat="1" ht="15" customHeight="1" x14ac:dyDescent="0.15">
      <c r="A21" s="553"/>
      <c r="B21" s="615"/>
      <c r="C21" s="347"/>
      <c r="D21" s="348" t="s">
        <v>201</v>
      </c>
      <c r="E21" s="351">
        <v>94</v>
      </c>
      <c r="F21" s="352">
        <v>-3.1</v>
      </c>
      <c r="G21" s="351">
        <v>95.7</v>
      </c>
      <c r="H21" s="351">
        <v>-8.6</v>
      </c>
      <c r="I21" s="351">
        <v>93.8</v>
      </c>
      <c r="J21" s="351">
        <v>-1.7</v>
      </c>
      <c r="K21" s="351">
        <v>102.2</v>
      </c>
      <c r="L21" s="351">
        <v>-3</v>
      </c>
      <c r="M21" s="351">
        <v>103</v>
      </c>
      <c r="N21" s="351">
        <v>-1.2</v>
      </c>
      <c r="O21" s="351">
        <v>93.9</v>
      </c>
      <c r="P21" s="351">
        <v>-3.1</v>
      </c>
      <c r="Q21" s="351">
        <v>91.6</v>
      </c>
      <c r="R21" s="351">
        <v>-3.4</v>
      </c>
      <c r="S21" s="351">
        <v>93.6</v>
      </c>
      <c r="T21" s="351">
        <v>1.2</v>
      </c>
      <c r="U21" s="351">
        <v>93.2</v>
      </c>
      <c r="V21" s="351">
        <v>-8.5</v>
      </c>
      <c r="W21" s="351">
        <v>88.6</v>
      </c>
      <c r="X21" s="351">
        <v>-6</v>
      </c>
      <c r="Y21" s="351">
        <v>104.5</v>
      </c>
      <c r="Z21" s="351">
        <v>5.2</v>
      </c>
      <c r="AA21" s="351">
        <v>120.5</v>
      </c>
      <c r="AB21" s="351">
        <v>7.2</v>
      </c>
      <c r="AC21" s="351">
        <v>78.2</v>
      </c>
      <c r="AD21" s="351">
        <v>7.7</v>
      </c>
      <c r="AE21" s="351">
        <v>97.4</v>
      </c>
      <c r="AF21" s="351">
        <v>-7.1</v>
      </c>
      <c r="AG21" s="351">
        <v>102.4</v>
      </c>
      <c r="AH21" s="351">
        <v>4.5999999999999996</v>
      </c>
      <c r="AI21" s="351">
        <v>93.7</v>
      </c>
      <c r="AJ21" s="351">
        <v>-3.7</v>
      </c>
      <c r="AK21" s="159"/>
    </row>
    <row r="22" spans="1:37" s="326" customFormat="1" ht="15" customHeight="1" x14ac:dyDescent="0.15">
      <c r="A22" s="553"/>
      <c r="B22" s="615"/>
      <c r="C22" s="347"/>
      <c r="D22" s="348" t="s">
        <v>202</v>
      </c>
      <c r="E22" s="349">
        <v>97.8</v>
      </c>
      <c r="F22" s="350">
        <v>-1.1000000000000001</v>
      </c>
      <c r="G22" s="349">
        <v>99.4</v>
      </c>
      <c r="H22" s="349">
        <v>-5.5</v>
      </c>
      <c r="I22" s="349">
        <v>101.2</v>
      </c>
      <c r="J22" s="349">
        <v>0.5</v>
      </c>
      <c r="K22" s="349">
        <v>105.5</v>
      </c>
      <c r="L22" s="349">
        <v>4.2</v>
      </c>
      <c r="M22" s="349">
        <v>99</v>
      </c>
      <c r="N22" s="349">
        <v>1.7</v>
      </c>
      <c r="O22" s="349">
        <v>95.4</v>
      </c>
      <c r="P22" s="349">
        <v>-1.9</v>
      </c>
      <c r="Q22" s="349">
        <v>92.6</v>
      </c>
      <c r="R22" s="349">
        <v>-3.8</v>
      </c>
      <c r="S22" s="349">
        <v>97.6</v>
      </c>
      <c r="T22" s="349">
        <v>6.1</v>
      </c>
      <c r="U22" s="349">
        <v>98.1</v>
      </c>
      <c r="V22" s="349">
        <v>-5.6</v>
      </c>
      <c r="W22" s="349">
        <v>95.9</v>
      </c>
      <c r="X22" s="349">
        <v>-1.4</v>
      </c>
      <c r="Y22" s="349">
        <v>101.5</v>
      </c>
      <c r="Z22" s="349">
        <v>5.0999999999999996</v>
      </c>
      <c r="AA22" s="349">
        <v>118.9</v>
      </c>
      <c r="AB22" s="349">
        <v>8</v>
      </c>
      <c r="AC22" s="349">
        <v>106</v>
      </c>
      <c r="AD22" s="349">
        <v>12.4</v>
      </c>
      <c r="AE22" s="349">
        <v>96.7</v>
      </c>
      <c r="AF22" s="349">
        <v>-5.5</v>
      </c>
      <c r="AG22" s="349">
        <v>101</v>
      </c>
      <c r="AH22" s="349">
        <v>9.8000000000000007</v>
      </c>
      <c r="AI22" s="349">
        <v>99</v>
      </c>
      <c r="AJ22" s="349">
        <v>-1.9</v>
      </c>
      <c r="AK22" s="159"/>
    </row>
    <row r="23" spans="1:37" s="326" customFormat="1" ht="15" customHeight="1" x14ac:dyDescent="0.15">
      <c r="A23" s="553"/>
      <c r="B23" s="615"/>
      <c r="C23" s="347"/>
      <c r="D23" s="348" t="s">
        <v>203</v>
      </c>
      <c r="E23" s="351">
        <v>103.4</v>
      </c>
      <c r="F23" s="352">
        <v>1.6</v>
      </c>
      <c r="G23" s="351">
        <v>110.5</v>
      </c>
      <c r="H23" s="351">
        <v>3.2</v>
      </c>
      <c r="I23" s="351">
        <v>108.4</v>
      </c>
      <c r="J23" s="351">
        <v>3.9</v>
      </c>
      <c r="K23" s="351">
        <v>110.3</v>
      </c>
      <c r="L23" s="351">
        <v>1</v>
      </c>
      <c r="M23" s="351">
        <v>107.1</v>
      </c>
      <c r="N23" s="351">
        <v>4.9000000000000004</v>
      </c>
      <c r="O23" s="351">
        <v>99.4</v>
      </c>
      <c r="P23" s="351">
        <v>-0.9</v>
      </c>
      <c r="Q23" s="351">
        <v>95.8</v>
      </c>
      <c r="R23" s="351">
        <v>-1</v>
      </c>
      <c r="S23" s="351">
        <v>104.9</v>
      </c>
      <c r="T23" s="351">
        <v>1.5</v>
      </c>
      <c r="U23" s="351">
        <v>101.9</v>
      </c>
      <c r="V23" s="351">
        <v>-3.3</v>
      </c>
      <c r="W23" s="351">
        <v>106.3</v>
      </c>
      <c r="X23" s="351">
        <v>-0.3</v>
      </c>
      <c r="Y23" s="351">
        <v>101.8</v>
      </c>
      <c r="Z23" s="351">
        <v>3.2</v>
      </c>
      <c r="AA23" s="351">
        <v>118.2</v>
      </c>
      <c r="AB23" s="351">
        <v>6</v>
      </c>
      <c r="AC23" s="351">
        <v>117.9</v>
      </c>
      <c r="AD23" s="351">
        <v>14.5</v>
      </c>
      <c r="AE23" s="351">
        <v>101.8</v>
      </c>
      <c r="AF23" s="351">
        <v>0.2</v>
      </c>
      <c r="AG23" s="351">
        <v>108.7</v>
      </c>
      <c r="AH23" s="351">
        <v>8.3000000000000007</v>
      </c>
      <c r="AI23" s="351">
        <v>103.7</v>
      </c>
      <c r="AJ23" s="351">
        <v>-1.9</v>
      </c>
      <c r="AK23" s="159"/>
    </row>
    <row r="24" spans="1:37" s="326" customFormat="1" ht="15" customHeight="1" x14ac:dyDescent="0.15">
      <c r="A24" s="553"/>
      <c r="B24" s="615"/>
      <c r="C24" s="347"/>
      <c r="D24" s="348" t="s">
        <v>204</v>
      </c>
      <c r="E24" s="349">
        <v>96.8</v>
      </c>
      <c r="F24" s="350">
        <v>-4.9000000000000004</v>
      </c>
      <c r="G24" s="349">
        <v>100.8</v>
      </c>
      <c r="H24" s="349">
        <v>-6.9</v>
      </c>
      <c r="I24" s="349">
        <v>102.1</v>
      </c>
      <c r="J24" s="349">
        <v>-4</v>
      </c>
      <c r="K24" s="349">
        <v>97.7</v>
      </c>
      <c r="L24" s="349">
        <v>-7.1</v>
      </c>
      <c r="M24" s="349">
        <v>103.1</v>
      </c>
      <c r="N24" s="349">
        <v>-1.8</v>
      </c>
      <c r="O24" s="349">
        <v>93.9</v>
      </c>
      <c r="P24" s="349">
        <v>-6.2</v>
      </c>
      <c r="Q24" s="349">
        <v>91.4</v>
      </c>
      <c r="R24" s="349">
        <v>-6</v>
      </c>
      <c r="S24" s="349">
        <v>88.7</v>
      </c>
      <c r="T24" s="349">
        <v>-8.6999999999999993</v>
      </c>
      <c r="U24" s="349">
        <v>100.5</v>
      </c>
      <c r="V24" s="349">
        <v>-5.7</v>
      </c>
      <c r="W24" s="349">
        <v>97.1</v>
      </c>
      <c r="X24" s="349">
        <v>-6.1</v>
      </c>
      <c r="Y24" s="349">
        <v>101</v>
      </c>
      <c r="Z24" s="349">
        <v>4.3</v>
      </c>
      <c r="AA24" s="349">
        <v>115.8</v>
      </c>
      <c r="AB24" s="349">
        <v>5</v>
      </c>
      <c r="AC24" s="349">
        <v>98.3</v>
      </c>
      <c r="AD24" s="349">
        <v>-1.8</v>
      </c>
      <c r="AE24" s="349">
        <v>96.5</v>
      </c>
      <c r="AF24" s="349">
        <v>-6.8</v>
      </c>
      <c r="AG24" s="349">
        <v>91.9</v>
      </c>
      <c r="AH24" s="349">
        <v>-9.5</v>
      </c>
      <c r="AI24" s="349">
        <v>97</v>
      </c>
      <c r="AJ24" s="349">
        <v>-6</v>
      </c>
      <c r="AK24" s="159"/>
    </row>
    <row r="25" spans="1:37" s="326" customFormat="1" ht="15" customHeight="1" x14ac:dyDescent="0.15">
      <c r="A25" s="553"/>
      <c r="B25" s="615"/>
      <c r="C25" s="347"/>
      <c r="D25" s="348" t="s">
        <v>205</v>
      </c>
      <c r="E25" s="351">
        <v>98.6</v>
      </c>
      <c r="F25" s="352">
        <v>-1</v>
      </c>
      <c r="G25" s="351">
        <v>103.3</v>
      </c>
      <c r="H25" s="351">
        <v>-1.1000000000000001</v>
      </c>
      <c r="I25" s="351">
        <v>102.2</v>
      </c>
      <c r="J25" s="351">
        <v>-0.7</v>
      </c>
      <c r="K25" s="351">
        <v>98.7</v>
      </c>
      <c r="L25" s="351">
        <v>-2</v>
      </c>
      <c r="M25" s="351">
        <v>103.7</v>
      </c>
      <c r="N25" s="351">
        <v>0.7</v>
      </c>
      <c r="O25" s="351">
        <v>97.9</v>
      </c>
      <c r="P25" s="351">
        <v>-1.1000000000000001</v>
      </c>
      <c r="Q25" s="351">
        <v>93</v>
      </c>
      <c r="R25" s="351">
        <v>-3.4</v>
      </c>
      <c r="S25" s="351">
        <v>101.5</v>
      </c>
      <c r="T25" s="351">
        <v>2.4</v>
      </c>
      <c r="U25" s="351">
        <v>96.5</v>
      </c>
      <c r="V25" s="351">
        <v>-6</v>
      </c>
      <c r="W25" s="351">
        <v>97.4</v>
      </c>
      <c r="X25" s="351">
        <v>-0.7</v>
      </c>
      <c r="Y25" s="351">
        <v>103.5</v>
      </c>
      <c r="Z25" s="351">
        <v>2.4</v>
      </c>
      <c r="AA25" s="351">
        <v>116.3</v>
      </c>
      <c r="AB25" s="351">
        <v>5.6</v>
      </c>
      <c r="AC25" s="351">
        <v>103.6</v>
      </c>
      <c r="AD25" s="351">
        <v>14.9</v>
      </c>
      <c r="AE25" s="351">
        <v>96.9</v>
      </c>
      <c r="AF25" s="351">
        <v>-5.4</v>
      </c>
      <c r="AG25" s="351">
        <v>114.8</v>
      </c>
      <c r="AH25" s="351">
        <v>7.8</v>
      </c>
      <c r="AI25" s="351">
        <v>98.8</v>
      </c>
      <c r="AJ25" s="351">
        <v>-1</v>
      </c>
      <c r="AK25" s="159"/>
    </row>
    <row r="26" spans="1:37" s="326" customFormat="1" ht="14.25" customHeight="1" x14ac:dyDescent="0.15">
      <c r="A26" s="553"/>
      <c r="B26" s="615"/>
      <c r="C26" s="347"/>
      <c r="D26" s="348"/>
      <c r="E26" s="351"/>
      <c r="F26" s="352"/>
      <c r="G26" s="351"/>
      <c r="H26" s="351"/>
      <c r="I26" s="351"/>
      <c r="J26" s="351"/>
      <c r="K26" s="351"/>
      <c r="L26" s="351"/>
      <c r="M26" s="351"/>
      <c r="N26" s="351"/>
      <c r="O26" s="351"/>
      <c r="P26" s="351"/>
      <c r="Q26" s="351"/>
      <c r="R26" s="351"/>
      <c r="S26" s="351"/>
      <c r="T26" s="351"/>
      <c r="U26" s="351"/>
      <c r="V26" s="351"/>
      <c r="W26" s="351"/>
      <c r="X26" s="351"/>
      <c r="Y26" s="351"/>
      <c r="Z26" s="351"/>
      <c r="AA26" s="351"/>
      <c r="AB26" s="351"/>
      <c r="AC26" s="351"/>
      <c r="AD26" s="351"/>
      <c r="AE26" s="351"/>
      <c r="AF26" s="351"/>
      <c r="AG26" s="351"/>
      <c r="AH26" s="351"/>
      <c r="AI26" s="351"/>
      <c r="AJ26" s="351"/>
      <c r="AK26" s="159"/>
    </row>
    <row r="27" spans="1:37" s="326" customFormat="1" ht="14.25" customHeight="1" x14ac:dyDescent="0.15">
      <c r="A27" s="553"/>
      <c r="B27" s="615"/>
      <c r="C27" s="347" t="s">
        <v>206</v>
      </c>
      <c r="D27" s="348" t="s">
        <v>194</v>
      </c>
      <c r="E27" s="349">
        <v>95.3</v>
      </c>
      <c r="F27" s="350">
        <v>2.2999999999999998</v>
      </c>
      <c r="G27" s="349">
        <v>100.6</v>
      </c>
      <c r="H27" s="349">
        <v>0.7</v>
      </c>
      <c r="I27" s="349">
        <v>94.3</v>
      </c>
      <c r="J27" s="349">
        <v>-0.1</v>
      </c>
      <c r="K27" s="349">
        <v>93.7</v>
      </c>
      <c r="L27" s="349">
        <v>-5.7</v>
      </c>
      <c r="M27" s="349">
        <v>100.6</v>
      </c>
      <c r="N27" s="349">
        <v>-1.4</v>
      </c>
      <c r="O27" s="349">
        <v>91.9</v>
      </c>
      <c r="P27" s="349">
        <v>1.1000000000000001</v>
      </c>
      <c r="Q27" s="349">
        <v>92.6</v>
      </c>
      <c r="R27" s="349">
        <v>5</v>
      </c>
      <c r="S27" s="349">
        <v>95.7</v>
      </c>
      <c r="T27" s="349">
        <v>3.7</v>
      </c>
      <c r="U27" s="349">
        <v>93.5</v>
      </c>
      <c r="V27" s="349">
        <v>-0.4</v>
      </c>
      <c r="W27" s="349">
        <v>96.1</v>
      </c>
      <c r="X27" s="349">
        <v>5</v>
      </c>
      <c r="Y27" s="349">
        <v>104.1</v>
      </c>
      <c r="Z27" s="349">
        <v>3.5</v>
      </c>
      <c r="AA27" s="349">
        <v>115.2</v>
      </c>
      <c r="AB27" s="349">
        <v>15.9</v>
      </c>
      <c r="AC27" s="349">
        <v>95.7</v>
      </c>
      <c r="AD27" s="349">
        <v>-3.7</v>
      </c>
      <c r="AE27" s="349">
        <v>95</v>
      </c>
      <c r="AF27" s="349">
        <v>2.8</v>
      </c>
      <c r="AG27" s="349">
        <v>99.4</v>
      </c>
      <c r="AH27" s="349">
        <v>0.4</v>
      </c>
      <c r="AI27" s="349">
        <v>96.8</v>
      </c>
      <c r="AJ27" s="349">
        <v>2.7</v>
      </c>
      <c r="AK27" s="159"/>
    </row>
    <row r="28" spans="1:37" s="326" customFormat="1" ht="11.25" customHeight="1" x14ac:dyDescent="0.15">
      <c r="A28" s="553"/>
      <c r="B28" s="557"/>
      <c r="C28" s="353"/>
      <c r="D28" s="354"/>
      <c r="E28" s="351"/>
      <c r="F28" s="352"/>
      <c r="G28" s="351"/>
      <c r="H28" s="351"/>
      <c r="I28" s="351"/>
      <c r="J28" s="351"/>
      <c r="K28" s="351"/>
      <c r="L28" s="351"/>
      <c r="M28" s="351"/>
      <c r="N28" s="351"/>
      <c r="O28" s="351"/>
      <c r="P28" s="351"/>
      <c r="Q28" s="351"/>
      <c r="R28" s="351"/>
      <c r="S28" s="351"/>
      <c r="T28" s="351"/>
      <c r="U28" s="351"/>
      <c r="V28" s="351"/>
      <c r="W28" s="351"/>
      <c r="X28" s="351"/>
      <c r="Y28" s="351"/>
      <c r="Z28" s="351"/>
      <c r="AA28" s="351"/>
      <c r="AB28" s="351"/>
      <c r="AC28" s="351"/>
      <c r="AD28" s="351"/>
      <c r="AE28" s="351"/>
      <c r="AF28" s="351"/>
      <c r="AG28" s="351"/>
      <c r="AH28" s="351"/>
      <c r="AI28" s="351"/>
      <c r="AJ28" s="351"/>
      <c r="AK28" s="159"/>
    </row>
    <row r="29" spans="1:37" s="326" customFormat="1" ht="11.25" customHeight="1" x14ac:dyDescent="0.15">
      <c r="A29" s="553"/>
      <c r="B29" s="355"/>
      <c r="C29" s="356"/>
      <c r="D29" s="357"/>
      <c r="E29" s="358"/>
      <c r="F29" s="359"/>
      <c r="G29" s="358"/>
      <c r="H29" s="358"/>
      <c r="I29" s="358"/>
      <c r="J29" s="358"/>
      <c r="K29" s="358"/>
      <c r="L29" s="358"/>
      <c r="M29" s="358"/>
      <c r="N29" s="358"/>
      <c r="O29" s="358"/>
      <c r="P29" s="358"/>
      <c r="Q29" s="358"/>
      <c r="R29" s="358"/>
      <c r="S29" s="358"/>
      <c r="T29" s="358"/>
      <c r="U29" s="358"/>
      <c r="V29" s="358"/>
      <c r="W29" s="358"/>
      <c r="X29" s="358"/>
      <c r="Y29" s="358"/>
      <c r="Z29" s="358"/>
      <c r="AA29" s="358"/>
      <c r="AB29" s="358"/>
      <c r="AC29" s="358"/>
      <c r="AD29" s="358"/>
      <c r="AE29" s="358"/>
      <c r="AF29" s="358"/>
      <c r="AG29" s="358"/>
      <c r="AH29" s="358"/>
      <c r="AI29" s="358"/>
      <c r="AJ29" s="358"/>
      <c r="AK29" s="159"/>
    </row>
    <row r="30" spans="1:37" s="326" customFormat="1" ht="14.25" customHeight="1" x14ac:dyDescent="0.15">
      <c r="A30" s="553"/>
      <c r="B30" s="431"/>
      <c r="C30" s="347" t="s">
        <v>188</v>
      </c>
      <c r="D30" s="348" t="s">
        <v>189</v>
      </c>
      <c r="E30" s="349">
        <v>101.1</v>
      </c>
      <c r="F30" s="350">
        <v>0.4</v>
      </c>
      <c r="G30" s="349">
        <v>105.8</v>
      </c>
      <c r="H30" s="349">
        <v>-1.9</v>
      </c>
      <c r="I30" s="349">
        <v>101.6</v>
      </c>
      <c r="J30" s="349">
        <v>0.3</v>
      </c>
      <c r="K30" s="349">
        <v>103.6</v>
      </c>
      <c r="L30" s="349">
        <v>1.6</v>
      </c>
      <c r="M30" s="349">
        <v>102.5</v>
      </c>
      <c r="N30" s="349">
        <v>-0.1</v>
      </c>
      <c r="O30" s="349">
        <v>101.1</v>
      </c>
      <c r="P30" s="349">
        <v>2.7</v>
      </c>
      <c r="Q30" s="349">
        <v>100.4</v>
      </c>
      <c r="R30" s="349">
        <v>1.9</v>
      </c>
      <c r="S30" s="349">
        <v>99.4</v>
      </c>
      <c r="T30" s="349">
        <v>-2.2000000000000002</v>
      </c>
      <c r="U30" s="349">
        <v>105</v>
      </c>
      <c r="V30" s="349">
        <v>-1.7</v>
      </c>
      <c r="W30" s="349">
        <v>101.4</v>
      </c>
      <c r="X30" s="349">
        <v>-0.1</v>
      </c>
      <c r="Y30" s="349">
        <v>117.4</v>
      </c>
      <c r="Z30" s="349">
        <v>12.7</v>
      </c>
      <c r="AA30" s="349">
        <v>106.2</v>
      </c>
      <c r="AB30" s="349">
        <v>3.6</v>
      </c>
      <c r="AC30" s="349">
        <v>92.7</v>
      </c>
      <c r="AD30" s="349">
        <v>-14.1</v>
      </c>
      <c r="AE30" s="349">
        <v>104.6</v>
      </c>
      <c r="AF30" s="349">
        <v>6.6</v>
      </c>
      <c r="AG30" s="349">
        <v>98.4</v>
      </c>
      <c r="AH30" s="349">
        <v>-0.3</v>
      </c>
      <c r="AI30" s="349">
        <v>95.5</v>
      </c>
      <c r="AJ30" s="349">
        <v>-4.0999999999999996</v>
      </c>
      <c r="AK30" s="159"/>
    </row>
    <row r="31" spans="1:37" s="326" customFormat="1" ht="14.25" customHeight="1" x14ac:dyDescent="0.15">
      <c r="A31" s="553"/>
      <c r="B31" s="431"/>
      <c r="C31" s="347" t="s">
        <v>188</v>
      </c>
      <c r="D31" s="348" t="s">
        <v>190</v>
      </c>
      <c r="E31" s="351">
        <v>100.9</v>
      </c>
      <c r="F31" s="352">
        <v>-0.2</v>
      </c>
      <c r="G31" s="351">
        <v>109.4</v>
      </c>
      <c r="H31" s="351">
        <v>3.4</v>
      </c>
      <c r="I31" s="351">
        <v>102.5</v>
      </c>
      <c r="J31" s="351">
        <v>0.9</v>
      </c>
      <c r="K31" s="351">
        <v>102.2</v>
      </c>
      <c r="L31" s="351">
        <v>-1.4</v>
      </c>
      <c r="M31" s="351">
        <v>103.8</v>
      </c>
      <c r="N31" s="351">
        <v>1.3</v>
      </c>
      <c r="O31" s="351">
        <v>100.2</v>
      </c>
      <c r="P31" s="351">
        <v>-0.9</v>
      </c>
      <c r="Q31" s="351">
        <v>102.8</v>
      </c>
      <c r="R31" s="351">
        <v>2.4</v>
      </c>
      <c r="S31" s="351">
        <v>97.7</v>
      </c>
      <c r="T31" s="351">
        <v>-1.7</v>
      </c>
      <c r="U31" s="351">
        <v>102.5</v>
      </c>
      <c r="V31" s="351">
        <v>-2.4</v>
      </c>
      <c r="W31" s="351">
        <v>102.2</v>
      </c>
      <c r="X31" s="351">
        <v>0.8</v>
      </c>
      <c r="Y31" s="351">
        <v>118.3</v>
      </c>
      <c r="Z31" s="351">
        <v>0.8</v>
      </c>
      <c r="AA31" s="351">
        <v>106.1</v>
      </c>
      <c r="AB31" s="351">
        <v>-0.1</v>
      </c>
      <c r="AC31" s="351">
        <v>87.2</v>
      </c>
      <c r="AD31" s="351">
        <v>-5.9</v>
      </c>
      <c r="AE31" s="351">
        <v>102</v>
      </c>
      <c r="AF31" s="351">
        <v>-2.5</v>
      </c>
      <c r="AG31" s="351">
        <v>99.4</v>
      </c>
      <c r="AH31" s="351">
        <v>1</v>
      </c>
      <c r="AI31" s="351">
        <v>95.6</v>
      </c>
      <c r="AJ31" s="351">
        <v>0.1</v>
      </c>
      <c r="AK31" s="159"/>
    </row>
    <row r="32" spans="1:37" s="326" customFormat="1" ht="14.25" customHeight="1" x14ac:dyDescent="0.15">
      <c r="A32" s="553"/>
      <c r="B32" s="431"/>
      <c r="C32" s="347" t="s">
        <v>188</v>
      </c>
      <c r="D32" s="348" t="s">
        <v>191</v>
      </c>
      <c r="E32" s="349">
        <v>101.4</v>
      </c>
      <c r="F32" s="350">
        <v>-0.4</v>
      </c>
      <c r="G32" s="349">
        <v>110.9</v>
      </c>
      <c r="H32" s="349">
        <v>1.4</v>
      </c>
      <c r="I32" s="349">
        <v>101.2</v>
      </c>
      <c r="J32" s="349">
        <v>-1.4</v>
      </c>
      <c r="K32" s="349">
        <v>103</v>
      </c>
      <c r="L32" s="349">
        <v>0.6</v>
      </c>
      <c r="M32" s="349">
        <v>102.3</v>
      </c>
      <c r="N32" s="349">
        <v>-1.4</v>
      </c>
      <c r="O32" s="349">
        <v>99</v>
      </c>
      <c r="P32" s="349">
        <v>-1.4</v>
      </c>
      <c r="Q32" s="349">
        <v>98.7</v>
      </c>
      <c r="R32" s="349">
        <v>-4.0999999999999996</v>
      </c>
      <c r="S32" s="349">
        <v>96.3</v>
      </c>
      <c r="T32" s="349">
        <v>-1.5</v>
      </c>
      <c r="U32" s="349">
        <v>102.7</v>
      </c>
      <c r="V32" s="349">
        <v>-0.1</v>
      </c>
      <c r="W32" s="349">
        <v>101.3</v>
      </c>
      <c r="X32" s="349">
        <v>-1</v>
      </c>
      <c r="Y32" s="349">
        <v>109.1</v>
      </c>
      <c r="Z32" s="349">
        <v>-7.6</v>
      </c>
      <c r="AA32" s="349">
        <v>109</v>
      </c>
      <c r="AB32" s="349">
        <v>3.1</v>
      </c>
      <c r="AC32" s="349">
        <v>91.3</v>
      </c>
      <c r="AD32" s="349">
        <v>3.9</v>
      </c>
      <c r="AE32" s="349">
        <v>104</v>
      </c>
      <c r="AF32" s="349">
        <v>1.8</v>
      </c>
      <c r="AG32" s="349">
        <v>97.2</v>
      </c>
      <c r="AH32" s="349">
        <v>-2</v>
      </c>
      <c r="AI32" s="349">
        <v>100.6</v>
      </c>
      <c r="AJ32" s="349">
        <v>4.5</v>
      </c>
      <c r="AK32" s="159"/>
    </row>
    <row r="33" spans="1:37" s="326" customFormat="1" ht="14.25" customHeight="1" x14ac:dyDescent="0.15">
      <c r="A33" s="553"/>
      <c r="B33" s="431"/>
      <c r="C33" s="347" t="s">
        <v>188</v>
      </c>
      <c r="D33" s="348" t="s">
        <v>192</v>
      </c>
      <c r="E33" s="351">
        <v>100.3</v>
      </c>
      <c r="F33" s="352">
        <v>-1.1000000000000001</v>
      </c>
      <c r="G33" s="351">
        <v>109.1</v>
      </c>
      <c r="H33" s="351">
        <v>-1.6</v>
      </c>
      <c r="I33" s="351">
        <v>100.8</v>
      </c>
      <c r="J33" s="351">
        <v>-0.4</v>
      </c>
      <c r="K33" s="351">
        <v>104.2</v>
      </c>
      <c r="L33" s="351">
        <v>1.2</v>
      </c>
      <c r="M33" s="351">
        <v>103.4</v>
      </c>
      <c r="N33" s="351">
        <v>1.1000000000000001</v>
      </c>
      <c r="O33" s="351">
        <v>97.5</v>
      </c>
      <c r="P33" s="351">
        <v>-1.5</v>
      </c>
      <c r="Q33" s="351">
        <v>96.4</v>
      </c>
      <c r="R33" s="351">
        <v>-2.2999999999999998</v>
      </c>
      <c r="S33" s="351">
        <v>97.8</v>
      </c>
      <c r="T33" s="351">
        <v>1.6</v>
      </c>
      <c r="U33" s="351">
        <v>94.6</v>
      </c>
      <c r="V33" s="351">
        <v>-7.9</v>
      </c>
      <c r="W33" s="351">
        <v>99.9</v>
      </c>
      <c r="X33" s="351">
        <v>-1.4</v>
      </c>
      <c r="Y33" s="351">
        <v>115.7</v>
      </c>
      <c r="Z33" s="351">
        <v>6</v>
      </c>
      <c r="AA33" s="351">
        <v>113.1</v>
      </c>
      <c r="AB33" s="351">
        <v>3.8</v>
      </c>
      <c r="AC33" s="351">
        <v>97</v>
      </c>
      <c r="AD33" s="351">
        <v>6.2</v>
      </c>
      <c r="AE33" s="351">
        <v>96.5</v>
      </c>
      <c r="AF33" s="351">
        <v>-7.2</v>
      </c>
      <c r="AG33" s="361">
        <v>97.9</v>
      </c>
      <c r="AH33" s="361">
        <v>0.7</v>
      </c>
      <c r="AI33" s="351">
        <v>101.4</v>
      </c>
      <c r="AJ33" s="351">
        <v>0.8</v>
      </c>
      <c r="AK33" s="159"/>
    </row>
    <row r="34" spans="1:37" s="326" customFormat="1" ht="14.25" customHeight="1" x14ac:dyDescent="0.15">
      <c r="A34" s="553"/>
      <c r="B34" s="431"/>
      <c r="C34" s="347"/>
      <c r="D34" s="348"/>
      <c r="E34" s="351"/>
      <c r="F34" s="352"/>
      <c r="G34" s="351"/>
      <c r="H34" s="351"/>
      <c r="I34" s="351"/>
      <c r="J34" s="351"/>
      <c r="K34" s="351"/>
      <c r="L34" s="351"/>
      <c r="M34" s="351"/>
      <c r="N34" s="351"/>
      <c r="O34" s="351"/>
      <c r="P34" s="351"/>
      <c r="Q34" s="351"/>
      <c r="R34" s="351"/>
      <c r="S34" s="351"/>
      <c r="T34" s="351"/>
      <c r="U34" s="351"/>
      <c r="V34" s="351"/>
      <c r="W34" s="351"/>
      <c r="X34" s="351"/>
      <c r="Y34" s="351"/>
      <c r="Z34" s="351"/>
      <c r="AA34" s="351"/>
      <c r="AB34" s="351"/>
      <c r="AC34" s="351"/>
      <c r="AD34" s="351"/>
      <c r="AE34" s="351"/>
      <c r="AF34" s="351"/>
      <c r="AG34" s="361"/>
      <c r="AH34" s="361"/>
      <c r="AI34" s="351"/>
      <c r="AJ34" s="351"/>
      <c r="AK34" s="159"/>
    </row>
    <row r="35" spans="1:37" s="326" customFormat="1" ht="15" customHeight="1" x14ac:dyDescent="0.15">
      <c r="A35" s="553"/>
      <c r="B35" s="616" t="s">
        <v>0</v>
      </c>
      <c r="C35" s="347" t="s">
        <v>193</v>
      </c>
      <c r="D35" s="348" t="s">
        <v>194</v>
      </c>
      <c r="E35" s="349">
        <v>96.5</v>
      </c>
      <c r="F35" s="350">
        <v>0.8</v>
      </c>
      <c r="G35" s="349">
        <v>106.1</v>
      </c>
      <c r="H35" s="349">
        <v>3</v>
      </c>
      <c r="I35" s="349">
        <v>95.7</v>
      </c>
      <c r="J35" s="349">
        <v>4.4000000000000004</v>
      </c>
      <c r="K35" s="349">
        <v>100.1</v>
      </c>
      <c r="L35" s="349">
        <v>5.5</v>
      </c>
      <c r="M35" s="349">
        <v>102.6</v>
      </c>
      <c r="N35" s="349">
        <v>4.7</v>
      </c>
      <c r="O35" s="349">
        <v>93</v>
      </c>
      <c r="P35" s="349">
        <v>-3.2</v>
      </c>
      <c r="Q35" s="349">
        <v>93.3</v>
      </c>
      <c r="R35" s="349">
        <v>-4.3</v>
      </c>
      <c r="S35" s="349">
        <v>90.9</v>
      </c>
      <c r="T35" s="349">
        <v>-0.1</v>
      </c>
      <c r="U35" s="349">
        <v>91.5</v>
      </c>
      <c r="V35" s="349">
        <v>-4</v>
      </c>
      <c r="W35" s="349">
        <v>94.8</v>
      </c>
      <c r="X35" s="349">
        <v>0.7</v>
      </c>
      <c r="Y35" s="349">
        <v>115.9</v>
      </c>
      <c r="Z35" s="349">
        <v>8.6</v>
      </c>
      <c r="AA35" s="349">
        <v>108.4</v>
      </c>
      <c r="AB35" s="349">
        <v>0.3</v>
      </c>
      <c r="AC35" s="349">
        <v>96.9</v>
      </c>
      <c r="AD35" s="349">
        <v>13.2</v>
      </c>
      <c r="AE35" s="349">
        <v>92.6</v>
      </c>
      <c r="AF35" s="349">
        <v>-7.5</v>
      </c>
      <c r="AG35" s="360">
        <v>95.5</v>
      </c>
      <c r="AH35" s="360">
        <v>-4.5999999999999996</v>
      </c>
      <c r="AI35" s="349">
        <v>96.6</v>
      </c>
      <c r="AJ35" s="349">
        <v>6.2</v>
      </c>
      <c r="AK35" s="159"/>
    </row>
    <row r="36" spans="1:37" s="326" customFormat="1" ht="15" customHeight="1" x14ac:dyDescent="0.15">
      <c r="A36" s="553"/>
      <c r="B36" s="616"/>
      <c r="C36" s="347"/>
      <c r="D36" s="348" t="s">
        <v>195</v>
      </c>
      <c r="E36" s="351">
        <v>95</v>
      </c>
      <c r="F36" s="352">
        <v>-3.7</v>
      </c>
      <c r="G36" s="351">
        <v>104.1</v>
      </c>
      <c r="H36" s="351">
        <v>-0.1</v>
      </c>
      <c r="I36" s="351">
        <v>98.1</v>
      </c>
      <c r="J36" s="351">
        <v>-3.1</v>
      </c>
      <c r="K36" s="351">
        <v>97.6</v>
      </c>
      <c r="L36" s="351">
        <v>1.5</v>
      </c>
      <c r="M36" s="351">
        <v>93.9</v>
      </c>
      <c r="N36" s="351">
        <v>-3.6</v>
      </c>
      <c r="O36" s="351">
        <v>92.5</v>
      </c>
      <c r="P36" s="351">
        <v>-2.2000000000000002</v>
      </c>
      <c r="Q36" s="351">
        <v>91.3</v>
      </c>
      <c r="R36" s="351">
        <v>-5.3</v>
      </c>
      <c r="S36" s="351">
        <v>84.2</v>
      </c>
      <c r="T36" s="351">
        <v>-7</v>
      </c>
      <c r="U36" s="351">
        <v>88.6</v>
      </c>
      <c r="V36" s="351">
        <v>-13.2</v>
      </c>
      <c r="W36" s="351">
        <v>94.9</v>
      </c>
      <c r="X36" s="351">
        <v>-4</v>
      </c>
      <c r="Y36" s="351">
        <v>110.1</v>
      </c>
      <c r="Z36" s="351">
        <v>-5.2</v>
      </c>
      <c r="AA36" s="351">
        <v>99.9</v>
      </c>
      <c r="AB36" s="351">
        <v>4</v>
      </c>
      <c r="AC36" s="351">
        <v>92.8</v>
      </c>
      <c r="AD36" s="351">
        <v>3.7</v>
      </c>
      <c r="AE36" s="351">
        <v>89.7</v>
      </c>
      <c r="AF36" s="351">
        <v>-8</v>
      </c>
      <c r="AG36" s="361">
        <v>85.4</v>
      </c>
      <c r="AH36" s="361">
        <v>-4.8</v>
      </c>
      <c r="AI36" s="351">
        <v>97.3</v>
      </c>
      <c r="AJ36" s="351">
        <v>-3.7</v>
      </c>
      <c r="AK36" s="159"/>
    </row>
    <row r="37" spans="1:37" s="326" customFormat="1" ht="15" customHeight="1" x14ac:dyDescent="0.15">
      <c r="A37" s="553"/>
      <c r="B37" s="616"/>
      <c r="C37" s="347"/>
      <c r="D37" s="348" t="s">
        <v>196</v>
      </c>
      <c r="E37" s="349">
        <v>98</v>
      </c>
      <c r="F37" s="350">
        <v>-2.1</v>
      </c>
      <c r="G37" s="349">
        <v>105.2</v>
      </c>
      <c r="H37" s="349">
        <v>-2.5</v>
      </c>
      <c r="I37" s="349">
        <v>99.2</v>
      </c>
      <c r="J37" s="349">
        <v>-2</v>
      </c>
      <c r="K37" s="349">
        <v>100.1</v>
      </c>
      <c r="L37" s="349">
        <v>0.1</v>
      </c>
      <c r="M37" s="349">
        <v>102.5</v>
      </c>
      <c r="N37" s="349">
        <v>1.9</v>
      </c>
      <c r="O37" s="349">
        <v>95.2</v>
      </c>
      <c r="P37" s="349">
        <v>-4.2</v>
      </c>
      <c r="Q37" s="349">
        <v>92.8</v>
      </c>
      <c r="R37" s="349">
        <v>-5.2</v>
      </c>
      <c r="S37" s="349">
        <v>97.8</v>
      </c>
      <c r="T37" s="349">
        <v>4.8</v>
      </c>
      <c r="U37" s="349">
        <v>91.5</v>
      </c>
      <c r="V37" s="349">
        <v>-14.1</v>
      </c>
      <c r="W37" s="349">
        <v>98.4</v>
      </c>
      <c r="X37" s="349">
        <v>-2.5</v>
      </c>
      <c r="Y37" s="349">
        <v>112.6</v>
      </c>
      <c r="Z37" s="349">
        <v>4</v>
      </c>
      <c r="AA37" s="349">
        <v>102.5</v>
      </c>
      <c r="AB37" s="349">
        <v>4.9000000000000004</v>
      </c>
      <c r="AC37" s="349">
        <v>96.9</v>
      </c>
      <c r="AD37" s="349">
        <v>8</v>
      </c>
      <c r="AE37" s="349">
        <v>93.4</v>
      </c>
      <c r="AF37" s="349">
        <v>-6.8</v>
      </c>
      <c r="AG37" s="360">
        <v>97.2</v>
      </c>
      <c r="AH37" s="360">
        <v>0</v>
      </c>
      <c r="AI37" s="349">
        <v>99.3</v>
      </c>
      <c r="AJ37" s="349">
        <v>-0.7</v>
      </c>
      <c r="AK37" s="159"/>
    </row>
    <row r="38" spans="1:37" s="326" customFormat="1" ht="15" customHeight="1" x14ac:dyDescent="0.15">
      <c r="A38" s="553"/>
      <c r="B38" s="616"/>
      <c r="C38" s="347"/>
      <c r="D38" s="348" t="s">
        <v>197</v>
      </c>
      <c r="E38" s="351">
        <v>102.8</v>
      </c>
      <c r="F38" s="352">
        <v>-1.8</v>
      </c>
      <c r="G38" s="351">
        <v>109.6</v>
      </c>
      <c r="H38" s="351">
        <v>-1.8</v>
      </c>
      <c r="I38" s="351">
        <v>103.2</v>
      </c>
      <c r="J38" s="351">
        <v>-0.3</v>
      </c>
      <c r="K38" s="351">
        <v>112</v>
      </c>
      <c r="L38" s="351">
        <v>5.5</v>
      </c>
      <c r="M38" s="351">
        <v>104</v>
      </c>
      <c r="N38" s="351">
        <v>2</v>
      </c>
      <c r="O38" s="351">
        <v>99.4</v>
      </c>
      <c r="P38" s="351">
        <v>-1.6</v>
      </c>
      <c r="Q38" s="351">
        <v>96.7</v>
      </c>
      <c r="R38" s="351">
        <v>-5.4</v>
      </c>
      <c r="S38" s="351">
        <v>102.3</v>
      </c>
      <c r="T38" s="351">
        <v>0.2</v>
      </c>
      <c r="U38" s="351">
        <v>98.3</v>
      </c>
      <c r="V38" s="351">
        <v>-10.3</v>
      </c>
      <c r="W38" s="351">
        <v>101.6</v>
      </c>
      <c r="X38" s="351">
        <v>-1.2</v>
      </c>
      <c r="Y38" s="351">
        <v>116</v>
      </c>
      <c r="Z38" s="351">
        <v>-7.3</v>
      </c>
      <c r="AA38" s="351">
        <v>119.4</v>
      </c>
      <c r="AB38" s="351">
        <v>6</v>
      </c>
      <c r="AC38" s="351">
        <v>109.4</v>
      </c>
      <c r="AD38" s="351">
        <v>6.8</v>
      </c>
      <c r="AE38" s="351">
        <v>97.6</v>
      </c>
      <c r="AF38" s="351">
        <v>-7.3</v>
      </c>
      <c r="AG38" s="361">
        <v>99.7</v>
      </c>
      <c r="AH38" s="361">
        <v>-1</v>
      </c>
      <c r="AI38" s="351">
        <v>103.2</v>
      </c>
      <c r="AJ38" s="351">
        <v>0.6</v>
      </c>
      <c r="AK38" s="159"/>
    </row>
    <row r="39" spans="1:37" s="326" customFormat="1" ht="15" customHeight="1" x14ac:dyDescent="0.15">
      <c r="A39" s="553"/>
      <c r="B39" s="616"/>
      <c r="C39" s="347"/>
      <c r="D39" s="348" t="s">
        <v>198</v>
      </c>
      <c r="E39" s="349">
        <v>100.3</v>
      </c>
      <c r="F39" s="350">
        <v>-2.4</v>
      </c>
      <c r="G39" s="349">
        <v>109.2</v>
      </c>
      <c r="H39" s="349">
        <v>-2.2000000000000002</v>
      </c>
      <c r="I39" s="349">
        <v>97.6</v>
      </c>
      <c r="J39" s="349">
        <v>-1</v>
      </c>
      <c r="K39" s="349">
        <v>106.2</v>
      </c>
      <c r="L39" s="349">
        <v>-1.2</v>
      </c>
      <c r="M39" s="349">
        <v>103.7</v>
      </c>
      <c r="N39" s="349">
        <v>-1.3</v>
      </c>
      <c r="O39" s="349">
        <v>96.7</v>
      </c>
      <c r="P39" s="349">
        <v>-3.1</v>
      </c>
      <c r="Q39" s="349">
        <v>96.6</v>
      </c>
      <c r="R39" s="349">
        <v>-3.3</v>
      </c>
      <c r="S39" s="349">
        <v>102.6</v>
      </c>
      <c r="T39" s="349">
        <v>0.9</v>
      </c>
      <c r="U39" s="349">
        <v>91.9</v>
      </c>
      <c r="V39" s="349">
        <v>-9.3000000000000007</v>
      </c>
      <c r="W39" s="349">
        <v>99.5</v>
      </c>
      <c r="X39" s="349">
        <v>-2.8</v>
      </c>
      <c r="Y39" s="349">
        <v>117.7</v>
      </c>
      <c r="Z39" s="349">
        <v>6.4</v>
      </c>
      <c r="AA39" s="349">
        <v>118.2</v>
      </c>
      <c r="AB39" s="349">
        <v>3.6</v>
      </c>
      <c r="AC39" s="349">
        <v>104.2</v>
      </c>
      <c r="AD39" s="349">
        <v>6.4</v>
      </c>
      <c r="AE39" s="349">
        <v>97.3</v>
      </c>
      <c r="AF39" s="349">
        <v>-9.9</v>
      </c>
      <c r="AG39" s="360">
        <v>96.5</v>
      </c>
      <c r="AH39" s="360">
        <v>-1.2</v>
      </c>
      <c r="AI39" s="349">
        <v>99.2</v>
      </c>
      <c r="AJ39" s="349">
        <v>0.2</v>
      </c>
      <c r="AK39" s="159"/>
    </row>
    <row r="40" spans="1:37" s="326" customFormat="1" ht="15" customHeight="1" x14ac:dyDescent="0.15">
      <c r="A40" s="553"/>
      <c r="B40" s="362">
        <v>30</v>
      </c>
      <c r="C40" s="347"/>
      <c r="D40" s="348" t="s">
        <v>199</v>
      </c>
      <c r="E40" s="351">
        <v>103.4</v>
      </c>
      <c r="F40" s="352">
        <v>0</v>
      </c>
      <c r="G40" s="351">
        <v>112.4</v>
      </c>
      <c r="H40" s="351">
        <v>-0.5</v>
      </c>
      <c r="I40" s="351">
        <v>104.2</v>
      </c>
      <c r="J40" s="351">
        <v>1.1000000000000001</v>
      </c>
      <c r="K40" s="351">
        <v>108.4</v>
      </c>
      <c r="L40" s="351">
        <v>5</v>
      </c>
      <c r="M40" s="351">
        <v>102.1</v>
      </c>
      <c r="N40" s="351">
        <v>-0.7</v>
      </c>
      <c r="O40" s="351">
        <v>100.1</v>
      </c>
      <c r="P40" s="351">
        <v>-0.3</v>
      </c>
      <c r="Q40" s="351">
        <v>97.6</v>
      </c>
      <c r="R40" s="351">
        <v>-2.1</v>
      </c>
      <c r="S40" s="351">
        <v>103.9</v>
      </c>
      <c r="T40" s="351">
        <v>6</v>
      </c>
      <c r="U40" s="351">
        <v>97.7</v>
      </c>
      <c r="V40" s="351">
        <v>-6.9</v>
      </c>
      <c r="W40" s="351">
        <v>104.4</v>
      </c>
      <c r="X40" s="351">
        <v>2.6</v>
      </c>
      <c r="Y40" s="351">
        <v>117.3</v>
      </c>
      <c r="Z40" s="351">
        <v>7.2</v>
      </c>
      <c r="AA40" s="351">
        <v>124.1</v>
      </c>
      <c r="AB40" s="351">
        <v>10.7</v>
      </c>
      <c r="AC40" s="351">
        <v>103.6</v>
      </c>
      <c r="AD40" s="351">
        <v>10.3</v>
      </c>
      <c r="AE40" s="351">
        <v>97.9</v>
      </c>
      <c r="AF40" s="351">
        <v>-8.6999999999999993</v>
      </c>
      <c r="AG40" s="361">
        <v>100.9</v>
      </c>
      <c r="AH40" s="361">
        <v>10.199999999999999</v>
      </c>
      <c r="AI40" s="351">
        <v>104.6</v>
      </c>
      <c r="AJ40" s="351">
        <v>1.1000000000000001</v>
      </c>
      <c r="AK40" s="159"/>
    </row>
    <row r="41" spans="1:37" s="326" customFormat="1" ht="15" customHeight="1" x14ac:dyDescent="0.15">
      <c r="A41" s="553"/>
      <c r="B41" s="617" t="s">
        <v>163</v>
      </c>
      <c r="C41" s="347"/>
      <c r="D41" s="348" t="s">
        <v>200</v>
      </c>
      <c r="E41" s="349">
        <v>106.6</v>
      </c>
      <c r="F41" s="350">
        <v>0.6</v>
      </c>
      <c r="G41" s="349">
        <v>118.4</v>
      </c>
      <c r="H41" s="349">
        <v>1.6</v>
      </c>
      <c r="I41" s="349">
        <v>109.4</v>
      </c>
      <c r="J41" s="349">
        <v>2.6</v>
      </c>
      <c r="K41" s="349">
        <v>113.5</v>
      </c>
      <c r="L41" s="349">
        <v>5.0999999999999996</v>
      </c>
      <c r="M41" s="349">
        <v>113.4</v>
      </c>
      <c r="N41" s="349">
        <v>5.7</v>
      </c>
      <c r="O41" s="349">
        <v>100.1</v>
      </c>
      <c r="P41" s="349">
        <v>0.1</v>
      </c>
      <c r="Q41" s="349">
        <v>100.8</v>
      </c>
      <c r="R41" s="349">
        <v>0.1</v>
      </c>
      <c r="S41" s="349">
        <v>106.1</v>
      </c>
      <c r="T41" s="349">
        <v>1.7</v>
      </c>
      <c r="U41" s="349">
        <v>105.6</v>
      </c>
      <c r="V41" s="349">
        <v>1.3</v>
      </c>
      <c r="W41" s="349">
        <v>109.9</v>
      </c>
      <c r="X41" s="349">
        <v>-0.2</v>
      </c>
      <c r="Y41" s="349">
        <v>116.1</v>
      </c>
      <c r="Z41" s="349">
        <v>7.6</v>
      </c>
      <c r="AA41" s="349">
        <v>115.5</v>
      </c>
      <c r="AB41" s="349">
        <v>5.4</v>
      </c>
      <c r="AC41" s="349">
        <v>100.8</v>
      </c>
      <c r="AD41" s="349">
        <v>6</v>
      </c>
      <c r="AE41" s="349">
        <v>100.8</v>
      </c>
      <c r="AF41" s="349">
        <v>-8.8000000000000007</v>
      </c>
      <c r="AG41" s="360">
        <v>103.5</v>
      </c>
      <c r="AH41" s="360">
        <v>-0.3</v>
      </c>
      <c r="AI41" s="349">
        <v>108.9</v>
      </c>
      <c r="AJ41" s="349">
        <v>3.2</v>
      </c>
      <c r="AK41" s="159"/>
    </row>
    <row r="42" spans="1:37" s="326" customFormat="1" ht="15" customHeight="1" x14ac:dyDescent="0.15">
      <c r="A42" s="553"/>
      <c r="B42" s="617"/>
      <c r="C42" s="347"/>
      <c r="D42" s="348" t="s">
        <v>201</v>
      </c>
      <c r="E42" s="351">
        <v>95.6</v>
      </c>
      <c r="F42" s="352">
        <v>-2.9</v>
      </c>
      <c r="G42" s="351">
        <v>107.6</v>
      </c>
      <c r="H42" s="351">
        <v>-4.9000000000000004</v>
      </c>
      <c r="I42" s="351">
        <v>93</v>
      </c>
      <c r="J42" s="351">
        <v>-2.9</v>
      </c>
      <c r="K42" s="351">
        <v>101.7</v>
      </c>
      <c r="L42" s="351">
        <v>-2.9</v>
      </c>
      <c r="M42" s="351">
        <v>103.8</v>
      </c>
      <c r="N42" s="351">
        <v>-1.2</v>
      </c>
      <c r="O42" s="351">
        <v>96.6</v>
      </c>
      <c r="P42" s="351">
        <v>-2.8</v>
      </c>
      <c r="Q42" s="351">
        <v>95.5</v>
      </c>
      <c r="R42" s="351">
        <v>-2.8</v>
      </c>
      <c r="S42" s="351">
        <v>94.5</v>
      </c>
      <c r="T42" s="351">
        <v>0.1</v>
      </c>
      <c r="U42" s="351">
        <v>94.9</v>
      </c>
      <c r="V42" s="351">
        <v>-6.2</v>
      </c>
      <c r="W42" s="351">
        <v>90.7</v>
      </c>
      <c r="X42" s="351">
        <v>-4.5999999999999996</v>
      </c>
      <c r="Y42" s="351">
        <v>117.5</v>
      </c>
      <c r="Z42" s="351">
        <v>10.8</v>
      </c>
      <c r="AA42" s="351">
        <v>115.5</v>
      </c>
      <c r="AB42" s="351">
        <v>2.7</v>
      </c>
      <c r="AC42" s="351">
        <v>69</v>
      </c>
      <c r="AD42" s="351">
        <v>2.8</v>
      </c>
      <c r="AE42" s="351">
        <v>97.7</v>
      </c>
      <c r="AF42" s="351">
        <v>-8.9</v>
      </c>
      <c r="AG42" s="361">
        <v>100.9</v>
      </c>
      <c r="AH42" s="361">
        <v>8.8000000000000007</v>
      </c>
      <c r="AI42" s="351">
        <v>96.7</v>
      </c>
      <c r="AJ42" s="351">
        <v>-0.5</v>
      </c>
      <c r="AK42" s="159"/>
    </row>
    <row r="43" spans="1:37" s="326" customFormat="1" ht="15" customHeight="1" x14ac:dyDescent="0.15">
      <c r="A43" s="553"/>
      <c r="B43" s="617"/>
      <c r="C43" s="347"/>
      <c r="D43" s="348" t="s">
        <v>202</v>
      </c>
      <c r="E43" s="349">
        <v>99.8</v>
      </c>
      <c r="F43" s="350">
        <v>0</v>
      </c>
      <c r="G43" s="349">
        <v>99.3</v>
      </c>
      <c r="H43" s="349">
        <v>-8.1999999999999993</v>
      </c>
      <c r="I43" s="349">
        <v>99.9</v>
      </c>
      <c r="J43" s="349">
        <v>0.1</v>
      </c>
      <c r="K43" s="349">
        <v>105.1</v>
      </c>
      <c r="L43" s="349">
        <v>4.5999999999999996</v>
      </c>
      <c r="M43" s="349">
        <v>98.7</v>
      </c>
      <c r="N43" s="349">
        <v>1</v>
      </c>
      <c r="O43" s="349">
        <v>97.4</v>
      </c>
      <c r="P43" s="349">
        <v>-0.1</v>
      </c>
      <c r="Q43" s="349">
        <v>96.1</v>
      </c>
      <c r="R43" s="349">
        <v>-0.3</v>
      </c>
      <c r="S43" s="349">
        <v>97.3</v>
      </c>
      <c r="T43" s="349">
        <v>8.1999999999999993</v>
      </c>
      <c r="U43" s="349">
        <v>92.8</v>
      </c>
      <c r="V43" s="349">
        <v>-10</v>
      </c>
      <c r="W43" s="349">
        <v>97.8</v>
      </c>
      <c r="X43" s="349">
        <v>0.4</v>
      </c>
      <c r="Y43" s="349">
        <v>117.3</v>
      </c>
      <c r="Z43" s="349">
        <v>14.3</v>
      </c>
      <c r="AA43" s="349">
        <v>113.5</v>
      </c>
      <c r="AB43" s="349">
        <v>6.4</v>
      </c>
      <c r="AC43" s="349">
        <v>100.5</v>
      </c>
      <c r="AD43" s="349">
        <v>7.9</v>
      </c>
      <c r="AE43" s="349">
        <v>95.9</v>
      </c>
      <c r="AF43" s="349">
        <v>-7.4</v>
      </c>
      <c r="AG43" s="360">
        <v>95</v>
      </c>
      <c r="AH43" s="360">
        <v>-3.7</v>
      </c>
      <c r="AI43" s="349">
        <v>102.8</v>
      </c>
      <c r="AJ43" s="349">
        <v>3.9</v>
      </c>
      <c r="AK43" s="159"/>
    </row>
    <row r="44" spans="1:37" s="326" customFormat="1" ht="15" customHeight="1" x14ac:dyDescent="0.15">
      <c r="A44" s="553"/>
      <c r="B44" s="431"/>
      <c r="C44" s="347"/>
      <c r="D44" s="348" t="s">
        <v>203</v>
      </c>
      <c r="E44" s="351">
        <v>106.5</v>
      </c>
      <c r="F44" s="352">
        <v>3.3</v>
      </c>
      <c r="G44" s="351">
        <v>113.4</v>
      </c>
      <c r="H44" s="351">
        <v>0.8</v>
      </c>
      <c r="I44" s="351">
        <v>107.9</v>
      </c>
      <c r="J44" s="351">
        <v>3.8</v>
      </c>
      <c r="K44" s="351">
        <v>109.8</v>
      </c>
      <c r="L44" s="351">
        <v>-0.5</v>
      </c>
      <c r="M44" s="351">
        <v>107.7</v>
      </c>
      <c r="N44" s="351">
        <v>4.5</v>
      </c>
      <c r="O44" s="351">
        <v>101.8</v>
      </c>
      <c r="P44" s="351">
        <v>0.6</v>
      </c>
      <c r="Q44" s="351">
        <v>101.5</v>
      </c>
      <c r="R44" s="351">
        <v>3.7</v>
      </c>
      <c r="S44" s="351">
        <v>106.6</v>
      </c>
      <c r="T44" s="351">
        <v>7</v>
      </c>
      <c r="U44" s="351">
        <v>93.8</v>
      </c>
      <c r="V44" s="351">
        <v>-8.9</v>
      </c>
      <c r="W44" s="351">
        <v>109.2</v>
      </c>
      <c r="X44" s="351">
        <v>-0.5</v>
      </c>
      <c r="Y44" s="351">
        <v>114.6</v>
      </c>
      <c r="Z44" s="351">
        <v>8.6</v>
      </c>
      <c r="AA44" s="351">
        <v>114.5</v>
      </c>
      <c r="AB44" s="351">
        <v>2.2999999999999998</v>
      </c>
      <c r="AC44" s="351">
        <v>110.1</v>
      </c>
      <c r="AD44" s="351">
        <v>9.8000000000000007</v>
      </c>
      <c r="AE44" s="351">
        <v>102.7</v>
      </c>
      <c r="AF44" s="351">
        <v>2.8</v>
      </c>
      <c r="AG44" s="361">
        <v>101.8</v>
      </c>
      <c r="AH44" s="361">
        <v>8</v>
      </c>
      <c r="AI44" s="351">
        <v>106.4</v>
      </c>
      <c r="AJ44" s="351">
        <v>2.9</v>
      </c>
      <c r="AK44" s="159"/>
    </row>
    <row r="45" spans="1:37" s="326" customFormat="1" ht="15" customHeight="1" x14ac:dyDescent="0.15">
      <c r="A45" s="553"/>
      <c r="B45" s="431"/>
      <c r="C45" s="347"/>
      <c r="D45" s="348" t="s">
        <v>204</v>
      </c>
      <c r="E45" s="349">
        <v>98.9</v>
      </c>
      <c r="F45" s="350">
        <v>-4.4000000000000004</v>
      </c>
      <c r="G45" s="349">
        <v>112.1</v>
      </c>
      <c r="H45" s="349">
        <v>-4.4000000000000004</v>
      </c>
      <c r="I45" s="349">
        <v>100.9</v>
      </c>
      <c r="J45" s="349">
        <v>-4.5999999999999996</v>
      </c>
      <c r="K45" s="349">
        <v>97.2</v>
      </c>
      <c r="L45" s="349">
        <v>-6.7</v>
      </c>
      <c r="M45" s="349">
        <v>103.4</v>
      </c>
      <c r="N45" s="349">
        <v>-2.1</v>
      </c>
      <c r="O45" s="349">
        <v>95.9</v>
      </c>
      <c r="P45" s="349">
        <v>-3.9</v>
      </c>
      <c r="Q45" s="349">
        <v>97</v>
      </c>
      <c r="R45" s="349">
        <v>-2</v>
      </c>
      <c r="S45" s="349">
        <v>86.2</v>
      </c>
      <c r="T45" s="349">
        <v>-8.1</v>
      </c>
      <c r="U45" s="349">
        <v>94.4</v>
      </c>
      <c r="V45" s="349">
        <v>-6.9</v>
      </c>
      <c r="W45" s="349">
        <v>98.5</v>
      </c>
      <c r="X45" s="349">
        <v>-5.7</v>
      </c>
      <c r="Y45" s="349">
        <v>115.9</v>
      </c>
      <c r="Z45" s="349">
        <v>12</v>
      </c>
      <c r="AA45" s="349">
        <v>113</v>
      </c>
      <c r="AB45" s="349">
        <v>-2.2000000000000002</v>
      </c>
      <c r="AC45" s="349">
        <v>86.2</v>
      </c>
      <c r="AD45" s="349">
        <v>-9.8000000000000007</v>
      </c>
      <c r="AE45" s="349">
        <v>96.3</v>
      </c>
      <c r="AF45" s="349">
        <v>-7.7</v>
      </c>
      <c r="AG45" s="360">
        <v>88.7</v>
      </c>
      <c r="AH45" s="360">
        <v>-6</v>
      </c>
      <c r="AI45" s="349">
        <v>99.2</v>
      </c>
      <c r="AJ45" s="349">
        <v>-4.2</v>
      </c>
      <c r="AK45" s="159"/>
    </row>
    <row r="46" spans="1:37" s="326" customFormat="1" ht="15" customHeight="1" x14ac:dyDescent="0.15">
      <c r="A46" s="553"/>
      <c r="B46" s="431"/>
      <c r="C46" s="347"/>
      <c r="D46" s="348" t="s">
        <v>205</v>
      </c>
      <c r="E46" s="351">
        <v>100.6</v>
      </c>
      <c r="F46" s="352">
        <v>-0.4</v>
      </c>
      <c r="G46" s="351">
        <v>111.7</v>
      </c>
      <c r="H46" s="351">
        <v>0.4</v>
      </c>
      <c r="I46" s="351">
        <v>100.9</v>
      </c>
      <c r="J46" s="351">
        <v>-1.7</v>
      </c>
      <c r="K46" s="351">
        <v>98.2</v>
      </c>
      <c r="L46" s="351">
        <v>-2.2999999999999998</v>
      </c>
      <c r="M46" s="351">
        <v>104.5</v>
      </c>
      <c r="N46" s="351">
        <v>1.1000000000000001</v>
      </c>
      <c r="O46" s="351">
        <v>100.8</v>
      </c>
      <c r="P46" s="351">
        <v>2.2999999999999998</v>
      </c>
      <c r="Q46" s="351">
        <v>97.7</v>
      </c>
      <c r="R46" s="351">
        <v>-1.1000000000000001</v>
      </c>
      <c r="S46" s="351">
        <v>101.1</v>
      </c>
      <c r="T46" s="351">
        <v>4.9000000000000004</v>
      </c>
      <c r="U46" s="351">
        <v>94.5</v>
      </c>
      <c r="V46" s="351">
        <v>-4.9000000000000004</v>
      </c>
      <c r="W46" s="351">
        <v>98.6</v>
      </c>
      <c r="X46" s="351">
        <v>0.8</v>
      </c>
      <c r="Y46" s="351">
        <v>116.9</v>
      </c>
      <c r="Z46" s="351">
        <v>9.5</v>
      </c>
      <c r="AA46" s="351">
        <v>112.4</v>
      </c>
      <c r="AB46" s="351">
        <v>1.2</v>
      </c>
      <c r="AC46" s="351">
        <v>93.5</v>
      </c>
      <c r="AD46" s="351">
        <v>9.6999999999999993</v>
      </c>
      <c r="AE46" s="351">
        <v>96.1</v>
      </c>
      <c r="AF46" s="351">
        <v>-8.1999999999999993</v>
      </c>
      <c r="AG46" s="361">
        <v>109.1</v>
      </c>
      <c r="AH46" s="361">
        <v>3.7</v>
      </c>
      <c r="AI46" s="351">
        <v>102</v>
      </c>
      <c r="AJ46" s="351">
        <v>1</v>
      </c>
      <c r="AK46" s="159"/>
    </row>
    <row r="47" spans="1:37" s="326" customFormat="1" ht="14.25" customHeight="1" x14ac:dyDescent="0.15">
      <c r="A47" s="553"/>
      <c r="B47" s="431"/>
      <c r="C47" s="347"/>
      <c r="D47" s="348"/>
      <c r="E47" s="351"/>
      <c r="F47" s="352"/>
      <c r="G47" s="351"/>
      <c r="H47" s="351"/>
      <c r="I47" s="351"/>
      <c r="J47" s="351"/>
      <c r="K47" s="351"/>
      <c r="L47" s="351"/>
      <c r="M47" s="351"/>
      <c r="N47" s="351"/>
      <c r="O47" s="351"/>
      <c r="P47" s="351"/>
      <c r="Q47" s="351"/>
      <c r="R47" s="351"/>
      <c r="S47" s="351"/>
      <c r="T47" s="351"/>
      <c r="U47" s="351"/>
      <c r="V47" s="351"/>
      <c r="W47" s="351"/>
      <c r="X47" s="351"/>
      <c r="Y47" s="351"/>
      <c r="Z47" s="351"/>
      <c r="AA47" s="351"/>
      <c r="AB47" s="351"/>
      <c r="AC47" s="351"/>
      <c r="AD47" s="351"/>
      <c r="AE47" s="351"/>
      <c r="AF47" s="351"/>
      <c r="AG47" s="361"/>
      <c r="AH47" s="361"/>
      <c r="AI47" s="351"/>
      <c r="AJ47" s="351"/>
      <c r="AK47" s="159"/>
    </row>
    <row r="48" spans="1:37" s="326" customFormat="1" ht="14.25" customHeight="1" x14ac:dyDescent="0.15">
      <c r="A48" s="553"/>
      <c r="B48" s="431"/>
      <c r="C48" s="347" t="s">
        <v>206</v>
      </c>
      <c r="D48" s="348" t="s">
        <v>194</v>
      </c>
      <c r="E48" s="349">
        <v>97.4</v>
      </c>
      <c r="F48" s="350">
        <v>0.9</v>
      </c>
      <c r="G48" s="349">
        <v>103.1</v>
      </c>
      <c r="H48" s="349">
        <v>-2.8</v>
      </c>
      <c r="I48" s="349">
        <v>94</v>
      </c>
      <c r="J48" s="349">
        <v>-1.8</v>
      </c>
      <c r="K48" s="349">
        <v>93.2</v>
      </c>
      <c r="L48" s="349">
        <v>-6.9</v>
      </c>
      <c r="M48" s="349">
        <v>100.6</v>
      </c>
      <c r="N48" s="349">
        <v>-1.9</v>
      </c>
      <c r="O48" s="349">
        <v>91.6</v>
      </c>
      <c r="P48" s="349">
        <v>-1.5</v>
      </c>
      <c r="Q48" s="349">
        <v>96.3</v>
      </c>
      <c r="R48" s="349">
        <v>3.2</v>
      </c>
      <c r="S48" s="349">
        <v>97.9</v>
      </c>
      <c r="T48" s="349">
        <v>7.7</v>
      </c>
      <c r="U48" s="349">
        <v>92.6</v>
      </c>
      <c r="V48" s="349">
        <v>1.2</v>
      </c>
      <c r="W48" s="349">
        <v>98.4</v>
      </c>
      <c r="X48" s="349">
        <v>3.8</v>
      </c>
      <c r="Y48" s="349">
        <v>117.3</v>
      </c>
      <c r="Z48" s="349">
        <v>1.2</v>
      </c>
      <c r="AA48" s="349">
        <v>110.7</v>
      </c>
      <c r="AB48" s="349">
        <v>2.1</v>
      </c>
      <c r="AC48" s="349">
        <v>89.7</v>
      </c>
      <c r="AD48" s="349">
        <v>-7.4</v>
      </c>
      <c r="AE48" s="349">
        <v>97.6</v>
      </c>
      <c r="AF48" s="349">
        <v>5.4</v>
      </c>
      <c r="AG48" s="349">
        <v>96.7</v>
      </c>
      <c r="AH48" s="360">
        <v>1.3</v>
      </c>
      <c r="AI48" s="349">
        <v>100</v>
      </c>
      <c r="AJ48" s="349">
        <v>3.5</v>
      </c>
      <c r="AK48" s="159"/>
    </row>
    <row r="49" spans="1:36" ht="11.25" customHeight="1" thickBot="1" x14ac:dyDescent="0.2">
      <c r="A49" s="553"/>
      <c r="B49" s="433"/>
      <c r="C49" s="363"/>
      <c r="D49" s="364"/>
      <c r="E49" s="434"/>
      <c r="F49" s="435"/>
      <c r="G49" s="434"/>
      <c r="H49" s="434"/>
      <c r="I49" s="434"/>
      <c r="J49" s="434"/>
      <c r="K49" s="434"/>
      <c r="L49" s="434"/>
      <c r="M49" s="434"/>
      <c r="N49" s="434"/>
      <c r="O49" s="434"/>
      <c r="P49" s="434"/>
      <c r="Q49" s="434"/>
      <c r="R49" s="434"/>
      <c r="S49" s="434"/>
      <c r="T49" s="434"/>
      <c r="U49" s="434"/>
      <c r="V49" s="434"/>
      <c r="W49" s="434"/>
      <c r="X49" s="434"/>
      <c r="Y49" s="434"/>
      <c r="Z49" s="434"/>
      <c r="AA49" s="434"/>
      <c r="AB49" s="434"/>
      <c r="AC49" s="434"/>
      <c r="AD49" s="434"/>
      <c r="AE49" s="434"/>
      <c r="AF49" s="434"/>
      <c r="AG49" s="434"/>
      <c r="AH49" s="434"/>
      <c r="AI49" s="434"/>
      <c r="AJ49" s="434"/>
    </row>
    <row r="50" spans="1:36" ht="14.1" customHeight="1" x14ac:dyDescent="0.15">
      <c r="A50" s="553"/>
      <c r="C50" s="611" t="s">
        <v>207</v>
      </c>
      <c r="D50" s="612"/>
      <c r="E50" s="612"/>
      <c r="F50" s="612"/>
      <c r="G50" s="612"/>
      <c r="H50" s="612"/>
      <c r="I50" s="612"/>
      <c r="J50" s="612"/>
      <c r="K50" s="612"/>
      <c r="L50" s="612"/>
      <c r="M50" s="613"/>
      <c r="N50" s="613"/>
      <c r="O50" s="613"/>
      <c r="P50" s="613"/>
      <c r="Q50" s="613"/>
      <c r="R50" s="613"/>
      <c r="S50" s="613"/>
      <c r="T50" s="613"/>
      <c r="U50" s="613"/>
      <c r="V50" s="613"/>
      <c r="W50" s="613"/>
      <c r="X50" s="613"/>
      <c r="Y50" s="613"/>
      <c r="Z50" s="613"/>
      <c r="AA50" s="613"/>
      <c r="AB50" s="613"/>
      <c r="AC50" s="613"/>
      <c r="AD50" s="613"/>
      <c r="AE50" s="613"/>
      <c r="AF50" s="613"/>
      <c r="AJ50" s="159"/>
    </row>
  </sheetData>
  <protectedRanges>
    <protectedRange sqref="AI26:AJ26 AI47:AJ47" name="範囲1_1_3"/>
  </protectedRanges>
  <mergeCells count="54">
    <mergeCell ref="AG6:AH6"/>
    <mergeCell ref="AI6:AJ6"/>
    <mergeCell ref="B8:B28"/>
    <mergeCell ref="B35:B39"/>
    <mergeCell ref="B41:B43"/>
    <mergeCell ref="C50:AF50"/>
    <mergeCell ref="U6:V6"/>
    <mergeCell ref="W6:X6"/>
    <mergeCell ref="Y6:Z6"/>
    <mergeCell ref="AA6:AB6"/>
    <mergeCell ref="AC6:AD6"/>
    <mergeCell ref="AE6:AF6"/>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AA4:AB4"/>
    <mergeCell ref="AC4:AD4"/>
    <mergeCell ref="AE4:AF4"/>
    <mergeCell ref="AG4:AH4"/>
    <mergeCell ref="AI4:AJ4"/>
    <mergeCell ref="K5:L5"/>
    <mergeCell ref="M5:N5"/>
    <mergeCell ref="O5:P5"/>
    <mergeCell ref="Q5:R5"/>
    <mergeCell ref="S5:T5"/>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s>
  <phoneticPr fontId="3"/>
  <printOptions horizontalCentered="1"/>
  <pageMargins left="0.59055118110236227" right="0.59055118110236227" top="0.39370078740157483" bottom="0.59055118110236227" header="0" footer="0.19685039370078741"/>
  <pageSetup paperSize="9" scale="72" orientation="landscape" errors="blank" r:id="rId1"/>
  <headerFooter alignWithMargins="0"/>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D56AE4E-898B-4F1C-8BFB-45CE6025B925}">
  <sheetPr codeName="Sheet22">
    <tabColor indexed="52"/>
    <pageSetUpPr fitToPage="1"/>
  </sheetPr>
  <dimension ref="A1:AK50"/>
  <sheetViews>
    <sheetView view="pageBreakPreview" topLeftCell="A22" zoomScaleNormal="100" zoomScaleSheetLayoutView="100" workbookViewId="0">
      <selection sqref="A1:A50"/>
    </sheetView>
  </sheetViews>
  <sheetFormatPr defaultRowHeight="13.5" x14ac:dyDescent="0.15"/>
  <cols>
    <col min="1" max="1" width="4.375" style="1" customWidth="1"/>
    <col min="2" max="2" width="2.5" style="1" customWidth="1"/>
    <col min="3" max="3" width="6.625" style="28" customWidth="1"/>
    <col min="4" max="4" width="3.875" style="28" customWidth="1"/>
    <col min="5" max="32" width="4.875" style="28" customWidth="1"/>
    <col min="33" max="34" width="5.125" style="28" bestFit="1" customWidth="1"/>
    <col min="35" max="36" width="4.875" style="28" customWidth="1"/>
    <col min="37" max="37" width="9" style="28"/>
    <col min="38" max="16384" width="9" style="3"/>
  </cols>
  <sheetData>
    <row r="1" spans="1:37" ht="18.75" customHeight="1" x14ac:dyDescent="0.15">
      <c r="A1" s="553" t="s">
        <v>219</v>
      </c>
      <c r="B1" s="321" t="s">
        <v>220</v>
      </c>
      <c r="C1" s="3"/>
      <c r="D1" s="453"/>
      <c r="E1" s="453"/>
      <c r="F1" s="453"/>
      <c r="G1" s="453"/>
      <c r="H1" s="453"/>
      <c r="I1" s="453"/>
      <c r="J1" s="453"/>
      <c r="K1" s="453"/>
      <c r="L1" s="453"/>
      <c r="M1" s="322"/>
      <c r="N1" s="322"/>
      <c r="O1" s="322"/>
      <c r="P1" s="322"/>
      <c r="Q1" s="322"/>
      <c r="R1" s="322"/>
      <c r="S1" s="322"/>
      <c r="T1" s="322"/>
      <c r="U1" s="322"/>
      <c r="V1" s="322"/>
      <c r="W1" s="322"/>
      <c r="X1" s="322"/>
      <c r="Y1" s="322"/>
      <c r="Z1" s="322"/>
      <c r="AA1" s="322"/>
      <c r="AB1" s="322"/>
      <c r="AC1" s="322"/>
      <c r="AD1" s="322"/>
      <c r="AE1" s="322"/>
      <c r="AF1" s="555" t="s">
        <v>165</v>
      </c>
      <c r="AG1" s="555"/>
      <c r="AH1" s="555"/>
      <c r="AI1" s="555"/>
      <c r="AJ1" s="555"/>
    </row>
    <row r="2" spans="1:37" s="326" customFormat="1" ht="3.75" customHeight="1" thickBot="1" x14ac:dyDescent="0.2">
      <c r="A2" s="553"/>
      <c r="B2" s="157"/>
      <c r="C2" s="324"/>
      <c r="D2" s="324"/>
      <c r="E2" s="324"/>
      <c r="F2" s="324"/>
      <c r="G2" s="314"/>
      <c r="H2" s="587"/>
      <c r="I2" s="587"/>
      <c r="J2" s="587"/>
      <c r="K2" s="587"/>
      <c r="L2" s="587"/>
      <c r="M2" s="324"/>
      <c r="N2" s="324"/>
      <c r="O2" s="324"/>
      <c r="P2" s="587"/>
      <c r="Q2" s="587"/>
      <c r="R2" s="587"/>
      <c r="S2" s="587"/>
      <c r="T2" s="587"/>
      <c r="U2" s="324"/>
      <c r="V2" s="324"/>
      <c r="W2" s="324"/>
      <c r="X2" s="324"/>
      <c r="Y2" s="324"/>
      <c r="Z2" s="159"/>
      <c r="AA2" s="159"/>
      <c r="AB2" s="159"/>
      <c r="AC2" s="159"/>
      <c r="AD2" s="159"/>
      <c r="AE2" s="159"/>
      <c r="AF2" s="325"/>
      <c r="AG2" s="325"/>
      <c r="AH2" s="325"/>
      <c r="AI2" s="325"/>
      <c r="AJ2" s="325"/>
      <c r="AK2" s="159"/>
    </row>
    <row r="3" spans="1:37" s="326" customFormat="1" ht="6" customHeight="1" x14ac:dyDescent="0.15">
      <c r="A3" s="553"/>
      <c r="B3" s="327"/>
      <c r="C3" s="591"/>
      <c r="D3" s="592"/>
      <c r="E3" s="328"/>
      <c r="F3" s="330"/>
      <c r="G3" s="454"/>
      <c r="H3" s="331"/>
      <c r="I3" s="328"/>
      <c r="J3" s="331"/>
      <c r="K3" s="328"/>
      <c r="L3" s="331"/>
      <c r="M3" s="328"/>
      <c r="N3" s="331"/>
      <c r="O3" s="328"/>
      <c r="P3" s="331"/>
      <c r="Q3" s="328"/>
      <c r="R3" s="331"/>
      <c r="S3" s="328"/>
      <c r="T3" s="330"/>
      <c r="U3" s="328"/>
      <c r="V3" s="331"/>
      <c r="W3" s="328"/>
      <c r="X3" s="331"/>
      <c r="Y3" s="328"/>
      <c r="Z3" s="331"/>
      <c r="AA3" s="328"/>
      <c r="AB3" s="331"/>
      <c r="AC3" s="328"/>
      <c r="AD3" s="330"/>
      <c r="AE3" s="328"/>
      <c r="AF3" s="331"/>
      <c r="AG3" s="328"/>
      <c r="AH3" s="331"/>
      <c r="AI3" s="328"/>
      <c r="AJ3" s="330"/>
      <c r="AK3" s="159"/>
    </row>
    <row r="4" spans="1:37" s="326" customFormat="1" ht="12" customHeight="1" x14ac:dyDescent="0.15">
      <c r="A4" s="553"/>
      <c r="B4" s="157"/>
      <c r="C4" s="593"/>
      <c r="D4" s="594"/>
      <c r="E4" s="589" t="s">
        <v>78</v>
      </c>
      <c r="F4" s="597"/>
      <c r="G4" s="598" t="s">
        <v>79</v>
      </c>
      <c r="H4" s="599"/>
      <c r="I4" s="589" t="s">
        <v>80</v>
      </c>
      <c r="J4" s="599"/>
      <c r="K4" s="589" t="s">
        <v>166</v>
      </c>
      <c r="L4" s="599"/>
      <c r="M4" s="589" t="s">
        <v>82</v>
      </c>
      <c r="N4" s="600"/>
      <c r="O4" s="589" t="s">
        <v>167</v>
      </c>
      <c r="P4" s="600"/>
      <c r="Q4" s="589" t="s">
        <v>168</v>
      </c>
      <c r="R4" s="600"/>
      <c r="S4" s="589" t="s">
        <v>169</v>
      </c>
      <c r="T4" s="600"/>
      <c r="U4" s="589" t="s">
        <v>170</v>
      </c>
      <c r="V4" s="600"/>
      <c r="W4" s="601" t="s">
        <v>171</v>
      </c>
      <c r="X4" s="602"/>
      <c r="Y4" s="589" t="s">
        <v>172</v>
      </c>
      <c r="Z4" s="590"/>
      <c r="AA4" s="601" t="s">
        <v>173</v>
      </c>
      <c r="AB4" s="602"/>
      <c r="AC4" s="589" t="s">
        <v>174</v>
      </c>
      <c r="AD4" s="590"/>
      <c r="AE4" s="589" t="s">
        <v>91</v>
      </c>
      <c r="AF4" s="590"/>
      <c r="AG4" s="589" t="s">
        <v>175</v>
      </c>
      <c r="AH4" s="590"/>
      <c r="AI4" s="589" t="s">
        <v>93</v>
      </c>
      <c r="AJ4" s="605"/>
      <c r="AK4" s="159"/>
    </row>
    <row r="5" spans="1:37" s="326" customFormat="1" ht="12" customHeight="1" x14ac:dyDescent="0.15">
      <c r="A5" s="553"/>
      <c r="B5" s="157"/>
      <c r="C5" s="593"/>
      <c r="D5" s="594"/>
      <c r="E5" s="332"/>
      <c r="F5" s="333"/>
      <c r="G5" s="334"/>
      <c r="H5" s="335"/>
      <c r="I5" s="332"/>
      <c r="J5" s="335"/>
      <c r="K5" s="601" t="s">
        <v>176</v>
      </c>
      <c r="L5" s="602"/>
      <c r="M5" s="603"/>
      <c r="N5" s="600"/>
      <c r="O5" s="604" t="s">
        <v>177</v>
      </c>
      <c r="P5" s="600"/>
      <c r="Q5" s="589" t="s">
        <v>178</v>
      </c>
      <c r="R5" s="600"/>
      <c r="S5" s="589" t="s">
        <v>179</v>
      </c>
      <c r="T5" s="600"/>
      <c r="U5" s="589" t="s">
        <v>180</v>
      </c>
      <c r="V5" s="600"/>
      <c r="W5" s="601" t="s">
        <v>181</v>
      </c>
      <c r="X5" s="602"/>
      <c r="Y5" s="601" t="s">
        <v>182</v>
      </c>
      <c r="Z5" s="602"/>
      <c r="AA5" s="589" t="s">
        <v>183</v>
      </c>
      <c r="AB5" s="600"/>
      <c r="AC5" s="589" t="s">
        <v>184</v>
      </c>
      <c r="AD5" s="590"/>
      <c r="AE5" s="589"/>
      <c r="AF5" s="600"/>
      <c r="AG5" s="589" t="s">
        <v>185</v>
      </c>
      <c r="AH5" s="600"/>
      <c r="AI5" s="589"/>
      <c r="AJ5" s="606"/>
      <c r="AK5" s="159"/>
    </row>
    <row r="6" spans="1:37" s="337" customFormat="1" ht="15" customHeight="1" x14ac:dyDescent="0.15">
      <c r="A6" s="553"/>
      <c r="B6" s="336"/>
      <c r="C6" s="593"/>
      <c r="D6" s="594"/>
      <c r="E6" s="607" t="s">
        <v>186</v>
      </c>
      <c r="F6" s="608"/>
      <c r="G6" s="609" t="s">
        <v>186</v>
      </c>
      <c r="H6" s="610"/>
      <c r="I6" s="607" t="s">
        <v>186</v>
      </c>
      <c r="J6" s="610"/>
      <c r="K6" s="607" t="s">
        <v>186</v>
      </c>
      <c r="L6" s="610"/>
      <c r="M6" s="607" t="s">
        <v>186</v>
      </c>
      <c r="N6" s="610"/>
      <c r="O6" s="607" t="s">
        <v>186</v>
      </c>
      <c r="P6" s="610"/>
      <c r="Q6" s="607" t="s">
        <v>186</v>
      </c>
      <c r="R6" s="610"/>
      <c r="S6" s="607" t="s">
        <v>186</v>
      </c>
      <c r="T6" s="610"/>
      <c r="U6" s="607" t="s">
        <v>186</v>
      </c>
      <c r="V6" s="610"/>
      <c r="W6" s="607" t="s">
        <v>186</v>
      </c>
      <c r="X6" s="610"/>
      <c r="Y6" s="607" t="s">
        <v>186</v>
      </c>
      <c r="Z6" s="610"/>
      <c r="AA6" s="607" t="s">
        <v>186</v>
      </c>
      <c r="AB6" s="610"/>
      <c r="AC6" s="607" t="s">
        <v>186</v>
      </c>
      <c r="AD6" s="610"/>
      <c r="AE6" s="607" t="s">
        <v>186</v>
      </c>
      <c r="AF6" s="610"/>
      <c r="AG6" s="607" t="s">
        <v>186</v>
      </c>
      <c r="AH6" s="610"/>
      <c r="AI6" s="607" t="s">
        <v>186</v>
      </c>
      <c r="AJ6" s="609"/>
      <c r="AK6" s="324"/>
    </row>
    <row r="7" spans="1:37" s="326" customFormat="1" ht="7.5" customHeight="1" x14ac:dyDescent="0.15">
      <c r="A7" s="553"/>
      <c r="B7" s="338"/>
      <c r="C7" s="595"/>
      <c r="D7" s="596"/>
      <c r="E7" s="339"/>
      <c r="F7" s="340" t="s">
        <v>142</v>
      </c>
      <c r="G7" s="341"/>
      <c r="H7" s="342" t="s">
        <v>142</v>
      </c>
      <c r="I7" s="339"/>
      <c r="J7" s="342" t="s">
        <v>142</v>
      </c>
      <c r="K7" s="339"/>
      <c r="L7" s="342" t="s">
        <v>142</v>
      </c>
      <c r="M7" s="339"/>
      <c r="N7" s="342" t="s">
        <v>142</v>
      </c>
      <c r="O7" s="339"/>
      <c r="P7" s="342" t="s">
        <v>142</v>
      </c>
      <c r="Q7" s="339"/>
      <c r="R7" s="342" t="s">
        <v>142</v>
      </c>
      <c r="S7" s="339"/>
      <c r="T7" s="342" t="s">
        <v>142</v>
      </c>
      <c r="U7" s="339"/>
      <c r="V7" s="342" t="s">
        <v>142</v>
      </c>
      <c r="W7" s="339"/>
      <c r="X7" s="342" t="s">
        <v>142</v>
      </c>
      <c r="Y7" s="339"/>
      <c r="Z7" s="342" t="s">
        <v>142</v>
      </c>
      <c r="AA7" s="339"/>
      <c r="AB7" s="342" t="s">
        <v>142</v>
      </c>
      <c r="AC7" s="339"/>
      <c r="AD7" s="342" t="s">
        <v>142</v>
      </c>
      <c r="AE7" s="339"/>
      <c r="AF7" s="342" t="s">
        <v>142</v>
      </c>
      <c r="AG7" s="339"/>
      <c r="AH7" s="342" t="s">
        <v>142</v>
      </c>
      <c r="AI7" s="339"/>
      <c r="AJ7" s="259" t="s">
        <v>142</v>
      </c>
      <c r="AK7" s="159"/>
    </row>
    <row r="8" spans="1:37" s="326" customFormat="1" ht="11.25" customHeight="1" x14ac:dyDescent="0.15">
      <c r="A8" s="553"/>
      <c r="B8" s="614" t="s">
        <v>187</v>
      </c>
      <c r="C8" s="343"/>
      <c r="D8" s="344"/>
      <c r="E8" s="455"/>
      <c r="F8" s="456"/>
      <c r="G8" s="455"/>
      <c r="H8" s="455"/>
      <c r="I8" s="455"/>
      <c r="J8" s="455"/>
      <c r="K8" s="455"/>
      <c r="L8" s="455"/>
      <c r="M8" s="455"/>
      <c r="N8" s="455"/>
      <c r="O8" s="455"/>
      <c r="P8" s="455"/>
      <c r="Q8" s="455"/>
      <c r="R8" s="455"/>
      <c r="S8" s="455"/>
      <c r="T8" s="455"/>
      <c r="U8" s="455"/>
      <c r="V8" s="455"/>
      <c r="W8" s="455"/>
      <c r="X8" s="455"/>
      <c r="Y8" s="455"/>
      <c r="Z8" s="455"/>
      <c r="AA8" s="455"/>
      <c r="AB8" s="455"/>
      <c r="AC8" s="455"/>
      <c r="AD8" s="455"/>
      <c r="AE8" s="455"/>
      <c r="AF8" s="455"/>
      <c r="AG8" s="455"/>
      <c r="AH8" s="455"/>
      <c r="AI8" s="455"/>
      <c r="AJ8" s="455"/>
      <c r="AK8" s="159"/>
    </row>
    <row r="9" spans="1:37" s="326" customFormat="1" ht="14.25" customHeight="1" x14ac:dyDescent="0.15">
      <c r="A9" s="553"/>
      <c r="B9" s="615"/>
      <c r="C9" s="347" t="s">
        <v>188</v>
      </c>
      <c r="D9" s="348" t="s">
        <v>189</v>
      </c>
      <c r="E9" s="349">
        <v>103.5</v>
      </c>
      <c r="F9" s="350">
        <v>-0.6</v>
      </c>
      <c r="G9" s="349">
        <v>120.6</v>
      </c>
      <c r="H9" s="349">
        <v>1.5</v>
      </c>
      <c r="I9" s="349">
        <v>121.5</v>
      </c>
      <c r="J9" s="349">
        <v>13.2</v>
      </c>
      <c r="K9" s="349">
        <v>88.5</v>
      </c>
      <c r="L9" s="349">
        <v>21.6</v>
      </c>
      <c r="M9" s="349">
        <v>124.6</v>
      </c>
      <c r="N9" s="349">
        <v>15.9</v>
      </c>
      <c r="O9" s="349">
        <v>79.599999999999994</v>
      </c>
      <c r="P9" s="349">
        <v>-16.8</v>
      </c>
      <c r="Q9" s="349">
        <v>118.1</v>
      </c>
      <c r="R9" s="349">
        <v>16.8</v>
      </c>
      <c r="S9" s="349">
        <v>96.4</v>
      </c>
      <c r="T9" s="349">
        <v>0.4</v>
      </c>
      <c r="U9" s="349">
        <v>131.6</v>
      </c>
      <c r="V9" s="349">
        <v>-17.2</v>
      </c>
      <c r="W9" s="349">
        <v>84</v>
      </c>
      <c r="X9" s="349">
        <v>-14.5</v>
      </c>
      <c r="Y9" s="349">
        <v>123.2</v>
      </c>
      <c r="Z9" s="349">
        <v>62.5</v>
      </c>
      <c r="AA9" s="349">
        <v>79</v>
      </c>
      <c r="AB9" s="349">
        <v>-22.5</v>
      </c>
      <c r="AC9" s="349">
        <v>86.4</v>
      </c>
      <c r="AD9" s="349">
        <v>-28.7</v>
      </c>
      <c r="AE9" s="349">
        <v>120.9</v>
      </c>
      <c r="AF9" s="349">
        <v>32.9</v>
      </c>
      <c r="AG9" s="349">
        <v>77.5</v>
      </c>
      <c r="AH9" s="349">
        <v>-6.1</v>
      </c>
      <c r="AI9" s="349">
        <v>91.6</v>
      </c>
      <c r="AJ9" s="349">
        <v>-20.8</v>
      </c>
      <c r="AK9" s="159"/>
    </row>
    <row r="10" spans="1:37" s="326" customFormat="1" ht="14.25" customHeight="1" x14ac:dyDescent="0.15">
      <c r="A10" s="553"/>
      <c r="B10" s="615"/>
      <c r="C10" s="347" t="s">
        <v>188</v>
      </c>
      <c r="D10" s="348" t="s">
        <v>190</v>
      </c>
      <c r="E10" s="351">
        <v>111.3</v>
      </c>
      <c r="F10" s="352">
        <v>7.5</v>
      </c>
      <c r="G10" s="351">
        <v>123.3</v>
      </c>
      <c r="H10" s="351">
        <v>2.2000000000000002</v>
      </c>
      <c r="I10" s="351">
        <v>119.7</v>
      </c>
      <c r="J10" s="351">
        <v>-1.5</v>
      </c>
      <c r="K10" s="351">
        <v>92.2</v>
      </c>
      <c r="L10" s="351">
        <v>4.2</v>
      </c>
      <c r="M10" s="351">
        <v>118.8</v>
      </c>
      <c r="N10" s="351">
        <v>-4.7</v>
      </c>
      <c r="O10" s="351">
        <v>108.3</v>
      </c>
      <c r="P10" s="351">
        <v>36.1</v>
      </c>
      <c r="Q10" s="351">
        <v>122.8</v>
      </c>
      <c r="R10" s="351">
        <v>4</v>
      </c>
      <c r="S10" s="351">
        <v>87.4</v>
      </c>
      <c r="T10" s="351">
        <v>-9.3000000000000007</v>
      </c>
      <c r="U10" s="351">
        <v>170</v>
      </c>
      <c r="V10" s="351">
        <v>29.2</v>
      </c>
      <c r="W10" s="351">
        <v>88.4</v>
      </c>
      <c r="X10" s="351">
        <v>5.2</v>
      </c>
      <c r="Y10" s="351">
        <v>133.1</v>
      </c>
      <c r="Z10" s="351">
        <v>8</v>
      </c>
      <c r="AA10" s="351">
        <v>103.7</v>
      </c>
      <c r="AB10" s="351">
        <v>31.3</v>
      </c>
      <c r="AC10" s="351">
        <v>122.6</v>
      </c>
      <c r="AD10" s="351">
        <v>41.9</v>
      </c>
      <c r="AE10" s="351">
        <v>137.1</v>
      </c>
      <c r="AF10" s="351">
        <v>13.4</v>
      </c>
      <c r="AG10" s="351">
        <v>81.099999999999994</v>
      </c>
      <c r="AH10" s="351">
        <v>4.5999999999999996</v>
      </c>
      <c r="AI10" s="351">
        <v>86.8</v>
      </c>
      <c r="AJ10" s="351">
        <v>-5.2</v>
      </c>
      <c r="AK10" s="159"/>
    </row>
    <row r="11" spans="1:37" s="326" customFormat="1" ht="14.25" customHeight="1" x14ac:dyDescent="0.15">
      <c r="A11" s="553"/>
      <c r="B11" s="615"/>
      <c r="C11" s="347" t="s">
        <v>188</v>
      </c>
      <c r="D11" s="348" t="s">
        <v>191</v>
      </c>
      <c r="E11" s="349">
        <v>111.4</v>
      </c>
      <c r="F11" s="350">
        <v>-1.9</v>
      </c>
      <c r="G11" s="349">
        <v>104.6</v>
      </c>
      <c r="H11" s="349">
        <v>-16.600000000000001</v>
      </c>
      <c r="I11" s="349">
        <v>107.5</v>
      </c>
      <c r="J11" s="349">
        <v>-11.3</v>
      </c>
      <c r="K11" s="349">
        <v>91.5</v>
      </c>
      <c r="L11" s="349">
        <v>-3.1</v>
      </c>
      <c r="M11" s="349">
        <v>111.6</v>
      </c>
      <c r="N11" s="349">
        <v>-6.8</v>
      </c>
      <c r="O11" s="349">
        <v>109.1</v>
      </c>
      <c r="P11" s="349">
        <v>0.2</v>
      </c>
      <c r="Q11" s="349">
        <v>104.5</v>
      </c>
      <c r="R11" s="349">
        <v>-14.2</v>
      </c>
      <c r="S11" s="349">
        <v>91.4</v>
      </c>
      <c r="T11" s="349">
        <v>3.4</v>
      </c>
      <c r="U11" s="349">
        <v>185.9</v>
      </c>
      <c r="V11" s="349">
        <v>9.6999999999999993</v>
      </c>
      <c r="W11" s="349">
        <v>86.3</v>
      </c>
      <c r="X11" s="349">
        <v>-4.2</v>
      </c>
      <c r="Y11" s="349">
        <v>133.6</v>
      </c>
      <c r="Z11" s="349">
        <v>2.1</v>
      </c>
      <c r="AA11" s="349">
        <v>141.19999999999999</v>
      </c>
      <c r="AB11" s="349">
        <v>34.5</v>
      </c>
      <c r="AC11" s="349">
        <v>146.1</v>
      </c>
      <c r="AD11" s="349">
        <v>6.7</v>
      </c>
      <c r="AE11" s="349">
        <v>157.30000000000001</v>
      </c>
      <c r="AF11" s="349">
        <v>16.399999999999999</v>
      </c>
      <c r="AG11" s="349">
        <v>76</v>
      </c>
      <c r="AH11" s="349">
        <v>-1.4</v>
      </c>
      <c r="AI11" s="349">
        <v>98.7</v>
      </c>
      <c r="AJ11" s="349">
        <v>14.8</v>
      </c>
      <c r="AK11" s="159"/>
    </row>
    <row r="12" spans="1:37" s="326" customFormat="1" ht="14.25" customHeight="1" x14ac:dyDescent="0.15">
      <c r="A12" s="553"/>
      <c r="B12" s="615"/>
      <c r="C12" s="347" t="s">
        <v>188</v>
      </c>
      <c r="D12" s="348" t="s">
        <v>192</v>
      </c>
      <c r="E12" s="351">
        <v>106.6</v>
      </c>
      <c r="F12" s="352">
        <v>-4.3</v>
      </c>
      <c r="G12" s="351">
        <v>114.9</v>
      </c>
      <c r="H12" s="351">
        <v>9.8000000000000007</v>
      </c>
      <c r="I12" s="351">
        <v>106.4</v>
      </c>
      <c r="J12" s="351">
        <v>-1</v>
      </c>
      <c r="K12" s="351">
        <v>75.099999999999994</v>
      </c>
      <c r="L12" s="351">
        <v>-17.899999999999999</v>
      </c>
      <c r="M12" s="351">
        <v>106.9</v>
      </c>
      <c r="N12" s="351">
        <v>-4.2</v>
      </c>
      <c r="O12" s="351">
        <v>71.8</v>
      </c>
      <c r="P12" s="351">
        <v>-34.200000000000003</v>
      </c>
      <c r="Q12" s="351">
        <v>100.9</v>
      </c>
      <c r="R12" s="351">
        <v>-3.4</v>
      </c>
      <c r="S12" s="351">
        <v>93.9</v>
      </c>
      <c r="T12" s="351">
        <v>2.7</v>
      </c>
      <c r="U12" s="351">
        <v>138.6</v>
      </c>
      <c r="V12" s="351">
        <v>-25.4</v>
      </c>
      <c r="W12" s="351">
        <v>81.900000000000006</v>
      </c>
      <c r="X12" s="351">
        <v>-5.0999999999999996</v>
      </c>
      <c r="Y12" s="351">
        <v>139.6</v>
      </c>
      <c r="Z12" s="351">
        <v>4.5</v>
      </c>
      <c r="AA12" s="351">
        <v>146.9</v>
      </c>
      <c r="AB12" s="351">
        <v>4</v>
      </c>
      <c r="AC12" s="351">
        <v>218.7</v>
      </c>
      <c r="AD12" s="351">
        <v>49.7</v>
      </c>
      <c r="AE12" s="351">
        <v>121.8</v>
      </c>
      <c r="AF12" s="351">
        <v>-22.6</v>
      </c>
      <c r="AG12" s="351">
        <v>64.3</v>
      </c>
      <c r="AH12" s="351">
        <v>-15.4</v>
      </c>
      <c r="AI12" s="351">
        <v>103.9</v>
      </c>
      <c r="AJ12" s="351">
        <v>5.3</v>
      </c>
      <c r="AK12" s="159"/>
    </row>
    <row r="13" spans="1:37" s="326" customFormat="1" ht="14.25" customHeight="1" x14ac:dyDescent="0.15">
      <c r="A13" s="553"/>
      <c r="B13" s="615"/>
      <c r="C13" s="347"/>
      <c r="D13" s="348"/>
      <c r="E13" s="351"/>
      <c r="F13" s="352"/>
      <c r="G13" s="351"/>
      <c r="H13" s="351"/>
      <c r="I13" s="351"/>
      <c r="J13" s="351"/>
      <c r="K13" s="351"/>
      <c r="L13" s="351"/>
      <c r="M13" s="351"/>
      <c r="N13" s="351"/>
      <c r="O13" s="351"/>
      <c r="P13" s="351"/>
      <c r="Q13" s="351"/>
      <c r="R13" s="351"/>
      <c r="S13" s="351"/>
      <c r="T13" s="351"/>
      <c r="U13" s="351"/>
      <c r="V13" s="351"/>
      <c r="W13" s="351"/>
      <c r="X13" s="351"/>
      <c r="Y13" s="351"/>
      <c r="Z13" s="351"/>
      <c r="AA13" s="351"/>
      <c r="AB13" s="351"/>
      <c r="AC13" s="351"/>
      <c r="AD13" s="351"/>
      <c r="AE13" s="351"/>
      <c r="AF13" s="351"/>
      <c r="AG13" s="351"/>
      <c r="AH13" s="351"/>
      <c r="AI13" s="351"/>
      <c r="AJ13" s="351"/>
      <c r="AK13" s="159"/>
    </row>
    <row r="14" spans="1:37" s="326" customFormat="1" ht="15" customHeight="1" x14ac:dyDescent="0.15">
      <c r="A14" s="553"/>
      <c r="B14" s="615"/>
      <c r="C14" s="347" t="s">
        <v>193</v>
      </c>
      <c r="D14" s="348" t="s">
        <v>194</v>
      </c>
      <c r="E14" s="349">
        <v>104.3</v>
      </c>
      <c r="F14" s="350">
        <v>-4.8</v>
      </c>
      <c r="G14" s="349">
        <v>109.4</v>
      </c>
      <c r="H14" s="349">
        <v>13.5</v>
      </c>
      <c r="I14" s="349">
        <v>100.8</v>
      </c>
      <c r="J14" s="349">
        <v>-1.6</v>
      </c>
      <c r="K14" s="349">
        <v>86.5</v>
      </c>
      <c r="L14" s="349">
        <v>-7.2</v>
      </c>
      <c r="M14" s="349">
        <v>107.1</v>
      </c>
      <c r="N14" s="349">
        <v>-4.5999999999999996</v>
      </c>
      <c r="O14" s="349">
        <v>76.7</v>
      </c>
      <c r="P14" s="349">
        <v>-28.5</v>
      </c>
      <c r="Q14" s="349">
        <v>101.6</v>
      </c>
      <c r="R14" s="349">
        <v>-4.5999999999999996</v>
      </c>
      <c r="S14" s="349">
        <v>83.1</v>
      </c>
      <c r="T14" s="349">
        <v>-3.8</v>
      </c>
      <c r="U14" s="349">
        <v>152.9</v>
      </c>
      <c r="V14" s="349">
        <v>-3.7</v>
      </c>
      <c r="W14" s="349">
        <v>80.3</v>
      </c>
      <c r="X14" s="349">
        <v>-5.2</v>
      </c>
      <c r="Y14" s="349">
        <v>138.9</v>
      </c>
      <c r="Z14" s="349">
        <v>-2</v>
      </c>
      <c r="AA14" s="349">
        <v>170.7</v>
      </c>
      <c r="AB14" s="349">
        <v>52.3</v>
      </c>
      <c r="AC14" s="349">
        <v>192.2</v>
      </c>
      <c r="AD14" s="349">
        <v>51</v>
      </c>
      <c r="AE14" s="349">
        <v>117</v>
      </c>
      <c r="AF14" s="349">
        <v>-37.5</v>
      </c>
      <c r="AG14" s="349">
        <v>76.5</v>
      </c>
      <c r="AH14" s="349">
        <v>11.8</v>
      </c>
      <c r="AI14" s="349">
        <v>104</v>
      </c>
      <c r="AJ14" s="349">
        <v>13.2</v>
      </c>
      <c r="AK14" s="159"/>
    </row>
    <row r="15" spans="1:37" s="326" customFormat="1" ht="15" customHeight="1" x14ac:dyDescent="0.15">
      <c r="A15" s="553"/>
      <c r="B15" s="615"/>
      <c r="C15" s="347"/>
      <c r="D15" s="348" t="s">
        <v>195</v>
      </c>
      <c r="E15" s="351">
        <v>108.5</v>
      </c>
      <c r="F15" s="352">
        <v>-5.6</v>
      </c>
      <c r="G15" s="351">
        <v>127.3</v>
      </c>
      <c r="H15" s="351">
        <v>23.7</v>
      </c>
      <c r="I15" s="351">
        <v>108.7</v>
      </c>
      <c r="J15" s="351">
        <v>-2.1</v>
      </c>
      <c r="K15" s="351">
        <v>69.2</v>
      </c>
      <c r="L15" s="351">
        <v>-29.2</v>
      </c>
      <c r="M15" s="351">
        <v>100.6</v>
      </c>
      <c r="N15" s="351">
        <v>-12</v>
      </c>
      <c r="O15" s="351">
        <v>74.900000000000006</v>
      </c>
      <c r="P15" s="351">
        <v>-35.299999999999997</v>
      </c>
      <c r="Q15" s="351">
        <v>88.7</v>
      </c>
      <c r="R15" s="351">
        <v>-16.7</v>
      </c>
      <c r="S15" s="351">
        <v>81.400000000000006</v>
      </c>
      <c r="T15" s="351">
        <v>-9.4</v>
      </c>
      <c r="U15" s="351">
        <v>167.1</v>
      </c>
      <c r="V15" s="351">
        <v>-9.5</v>
      </c>
      <c r="W15" s="351">
        <v>87.9</v>
      </c>
      <c r="X15" s="351">
        <v>-0.7</v>
      </c>
      <c r="Y15" s="351">
        <v>125</v>
      </c>
      <c r="Z15" s="351">
        <v>7.1</v>
      </c>
      <c r="AA15" s="351">
        <v>148.30000000000001</v>
      </c>
      <c r="AB15" s="351">
        <v>75.5</v>
      </c>
      <c r="AC15" s="351">
        <v>220.8</v>
      </c>
      <c r="AD15" s="351">
        <v>37.1</v>
      </c>
      <c r="AE15" s="351">
        <v>131.9</v>
      </c>
      <c r="AF15" s="351">
        <v>-28.7</v>
      </c>
      <c r="AG15" s="351">
        <v>49</v>
      </c>
      <c r="AH15" s="351">
        <v>-19.899999999999999</v>
      </c>
      <c r="AI15" s="351">
        <v>111.1</v>
      </c>
      <c r="AJ15" s="351">
        <v>7.9</v>
      </c>
      <c r="AK15" s="159"/>
    </row>
    <row r="16" spans="1:37" s="326" customFormat="1" ht="15" customHeight="1" x14ac:dyDescent="0.15">
      <c r="A16" s="553"/>
      <c r="B16" s="615"/>
      <c r="C16" s="347"/>
      <c r="D16" s="348" t="s">
        <v>196</v>
      </c>
      <c r="E16" s="349">
        <v>111.7</v>
      </c>
      <c r="F16" s="350">
        <v>-4.5</v>
      </c>
      <c r="G16" s="349">
        <v>134.5</v>
      </c>
      <c r="H16" s="349">
        <v>16.899999999999999</v>
      </c>
      <c r="I16" s="349">
        <v>108.7</v>
      </c>
      <c r="J16" s="349">
        <v>-2.8</v>
      </c>
      <c r="K16" s="349">
        <v>69.2</v>
      </c>
      <c r="L16" s="349">
        <v>-36.1</v>
      </c>
      <c r="M16" s="349">
        <v>116.9</v>
      </c>
      <c r="N16" s="349">
        <v>-1.6</v>
      </c>
      <c r="O16" s="349">
        <v>80.3</v>
      </c>
      <c r="P16" s="349">
        <v>-31.4</v>
      </c>
      <c r="Q16" s="349">
        <v>100</v>
      </c>
      <c r="R16" s="349">
        <v>-10.199999999999999</v>
      </c>
      <c r="S16" s="349">
        <v>91.5</v>
      </c>
      <c r="T16" s="349">
        <v>9.1</v>
      </c>
      <c r="U16" s="349">
        <v>167.1</v>
      </c>
      <c r="V16" s="349">
        <v>-6.5</v>
      </c>
      <c r="W16" s="349">
        <v>89.8</v>
      </c>
      <c r="X16" s="349">
        <v>-4.0999999999999996</v>
      </c>
      <c r="Y16" s="349">
        <v>130.6</v>
      </c>
      <c r="Z16" s="349">
        <v>-11.3</v>
      </c>
      <c r="AA16" s="349">
        <v>156.9</v>
      </c>
      <c r="AB16" s="349">
        <v>26.4</v>
      </c>
      <c r="AC16" s="349">
        <v>194.8</v>
      </c>
      <c r="AD16" s="349">
        <v>18.100000000000001</v>
      </c>
      <c r="AE16" s="349">
        <v>136.19999999999999</v>
      </c>
      <c r="AF16" s="349">
        <v>-11.1</v>
      </c>
      <c r="AG16" s="349">
        <v>56.1</v>
      </c>
      <c r="AH16" s="349">
        <v>-48.2</v>
      </c>
      <c r="AI16" s="349">
        <v>116.2</v>
      </c>
      <c r="AJ16" s="349">
        <v>8.5</v>
      </c>
      <c r="AK16" s="159"/>
    </row>
    <row r="17" spans="1:37" s="326" customFormat="1" ht="15" customHeight="1" x14ac:dyDescent="0.15">
      <c r="A17" s="553"/>
      <c r="B17" s="615"/>
      <c r="C17" s="347"/>
      <c r="D17" s="348" t="s">
        <v>197</v>
      </c>
      <c r="E17" s="351">
        <v>112.8</v>
      </c>
      <c r="F17" s="352">
        <v>-0.9</v>
      </c>
      <c r="G17" s="351">
        <v>125.9</v>
      </c>
      <c r="H17" s="351">
        <v>15.1</v>
      </c>
      <c r="I17" s="351">
        <v>106.3</v>
      </c>
      <c r="J17" s="351">
        <v>0.8</v>
      </c>
      <c r="K17" s="351">
        <v>60.2</v>
      </c>
      <c r="L17" s="351">
        <v>-33.799999999999997</v>
      </c>
      <c r="M17" s="351">
        <v>110.4</v>
      </c>
      <c r="N17" s="351">
        <v>-5.6</v>
      </c>
      <c r="O17" s="351">
        <v>77.599999999999994</v>
      </c>
      <c r="P17" s="351">
        <v>-35.700000000000003</v>
      </c>
      <c r="Q17" s="351">
        <v>100</v>
      </c>
      <c r="R17" s="351">
        <v>-15</v>
      </c>
      <c r="S17" s="351">
        <v>92.4</v>
      </c>
      <c r="T17" s="351">
        <v>-14.1</v>
      </c>
      <c r="U17" s="351">
        <v>175.3</v>
      </c>
      <c r="V17" s="351">
        <v>-12.9</v>
      </c>
      <c r="W17" s="351">
        <v>78.3</v>
      </c>
      <c r="X17" s="351">
        <v>-9.6</v>
      </c>
      <c r="Y17" s="351">
        <v>130.6</v>
      </c>
      <c r="Z17" s="351">
        <v>0</v>
      </c>
      <c r="AA17" s="351">
        <v>153.4</v>
      </c>
      <c r="AB17" s="351">
        <v>8.5</v>
      </c>
      <c r="AC17" s="351">
        <v>272.7</v>
      </c>
      <c r="AD17" s="351">
        <v>85.8</v>
      </c>
      <c r="AE17" s="351">
        <v>134</v>
      </c>
      <c r="AF17" s="351">
        <v>-8.6999999999999993</v>
      </c>
      <c r="AG17" s="351">
        <v>58.2</v>
      </c>
      <c r="AH17" s="351">
        <v>-31.3</v>
      </c>
      <c r="AI17" s="351">
        <v>112.1</v>
      </c>
      <c r="AJ17" s="351">
        <v>20.7</v>
      </c>
      <c r="AK17" s="159"/>
    </row>
    <row r="18" spans="1:37" s="326" customFormat="1" ht="15" customHeight="1" x14ac:dyDescent="0.15">
      <c r="A18" s="553"/>
      <c r="B18" s="615"/>
      <c r="C18" s="347"/>
      <c r="D18" s="348" t="s">
        <v>198</v>
      </c>
      <c r="E18" s="349">
        <v>107.4</v>
      </c>
      <c r="F18" s="350">
        <v>-6.5</v>
      </c>
      <c r="G18" s="349">
        <v>101.4</v>
      </c>
      <c r="H18" s="349">
        <v>8.4</v>
      </c>
      <c r="I18" s="349">
        <v>101.6</v>
      </c>
      <c r="J18" s="349">
        <v>6.6</v>
      </c>
      <c r="K18" s="349">
        <v>63.9</v>
      </c>
      <c r="L18" s="349">
        <v>-32</v>
      </c>
      <c r="M18" s="349">
        <v>101.9</v>
      </c>
      <c r="N18" s="349">
        <v>-8.8000000000000007</v>
      </c>
      <c r="O18" s="349">
        <v>70.900000000000006</v>
      </c>
      <c r="P18" s="349">
        <v>-35</v>
      </c>
      <c r="Q18" s="349">
        <v>100</v>
      </c>
      <c r="R18" s="349">
        <v>-8.8000000000000007</v>
      </c>
      <c r="S18" s="349">
        <v>104.2</v>
      </c>
      <c r="T18" s="349">
        <v>0.8</v>
      </c>
      <c r="U18" s="349">
        <v>161.19999999999999</v>
      </c>
      <c r="V18" s="349">
        <v>-15.4</v>
      </c>
      <c r="W18" s="349">
        <v>73.2</v>
      </c>
      <c r="X18" s="349">
        <v>-14.3</v>
      </c>
      <c r="Y18" s="349">
        <v>136.1</v>
      </c>
      <c r="Z18" s="349">
        <v>2.1</v>
      </c>
      <c r="AA18" s="349">
        <v>155.19999999999999</v>
      </c>
      <c r="AB18" s="349">
        <v>21.6</v>
      </c>
      <c r="AC18" s="349">
        <v>268.8</v>
      </c>
      <c r="AD18" s="349">
        <v>40.799999999999997</v>
      </c>
      <c r="AE18" s="349">
        <v>131.9</v>
      </c>
      <c r="AF18" s="349">
        <v>-30.4</v>
      </c>
      <c r="AG18" s="349">
        <v>70.400000000000006</v>
      </c>
      <c r="AH18" s="349">
        <v>-25.8</v>
      </c>
      <c r="AI18" s="349">
        <v>99</v>
      </c>
      <c r="AJ18" s="349">
        <v>2.1</v>
      </c>
      <c r="AK18" s="159"/>
    </row>
    <row r="19" spans="1:37" s="326" customFormat="1" ht="15" customHeight="1" x14ac:dyDescent="0.15">
      <c r="A19" s="553"/>
      <c r="B19" s="615"/>
      <c r="C19" s="347"/>
      <c r="D19" s="348" t="s">
        <v>199</v>
      </c>
      <c r="E19" s="351">
        <v>108.5</v>
      </c>
      <c r="F19" s="352">
        <v>-1</v>
      </c>
      <c r="G19" s="351">
        <v>102.2</v>
      </c>
      <c r="H19" s="351">
        <v>6.8</v>
      </c>
      <c r="I19" s="351">
        <v>104.7</v>
      </c>
      <c r="J19" s="351">
        <v>3.1</v>
      </c>
      <c r="K19" s="351">
        <v>81.2</v>
      </c>
      <c r="L19" s="351">
        <v>-6.9</v>
      </c>
      <c r="M19" s="351">
        <v>100.6</v>
      </c>
      <c r="N19" s="351">
        <v>-3.7</v>
      </c>
      <c r="O19" s="351">
        <v>74.900000000000006</v>
      </c>
      <c r="P19" s="351">
        <v>-33.200000000000003</v>
      </c>
      <c r="Q19" s="351">
        <v>100</v>
      </c>
      <c r="R19" s="351">
        <v>-3.1</v>
      </c>
      <c r="S19" s="351">
        <v>88.1</v>
      </c>
      <c r="T19" s="351">
        <v>-14</v>
      </c>
      <c r="U19" s="351">
        <v>162.4</v>
      </c>
      <c r="V19" s="351">
        <v>-2.1</v>
      </c>
      <c r="W19" s="351">
        <v>78.3</v>
      </c>
      <c r="X19" s="351">
        <v>-6.9</v>
      </c>
      <c r="Y19" s="351">
        <v>136.1</v>
      </c>
      <c r="Z19" s="351">
        <v>4.2</v>
      </c>
      <c r="AA19" s="351">
        <v>169</v>
      </c>
      <c r="AB19" s="351">
        <v>32.4</v>
      </c>
      <c r="AC19" s="351">
        <v>254.5</v>
      </c>
      <c r="AD19" s="351">
        <v>60.7</v>
      </c>
      <c r="AE19" s="351">
        <v>134</v>
      </c>
      <c r="AF19" s="351">
        <v>-8.6999999999999993</v>
      </c>
      <c r="AG19" s="351">
        <v>59.2</v>
      </c>
      <c r="AH19" s="351">
        <v>-21.6</v>
      </c>
      <c r="AI19" s="351">
        <v>98</v>
      </c>
      <c r="AJ19" s="351">
        <v>-7.6</v>
      </c>
      <c r="AK19" s="159"/>
    </row>
    <row r="20" spans="1:37" s="326" customFormat="1" ht="15" customHeight="1" x14ac:dyDescent="0.15">
      <c r="A20" s="553"/>
      <c r="B20" s="615"/>
      <c r="C20" s="347"/>
      <c r="D20" s="348" t="s">
        <v>200</v>
      </c>
      <c r="E20" s="349">
        <v>103.2</v>
      </c>
      <c r="F20" s="350">
        <v>-4.9000000000000004</v>
      </c>
      <c r="G20" s="349">
        <v>111.5</v>
      </c>
      <c r="H20" s="349">
        <v>4.7</v>
      </c>
      <c r="I20" s="349">
        <v>107.9</v>
      </c>
      <c r="J20" s="349">
        <v>-1.4</v>
      </c>
      <c r="K20" s="349">
        <v>88.7</v>
      </c>
      <c r="L20" s="349">
        <v>6.2</v>
      </c>
      <c r="M20" s="349">
        <v>104.5</v>
      </c>
      <c r="N20" s="349">
        <v>-1.9</v>
      </c>
      <c r="O20" s="349">
        <v>64.599999999999994</v>
      </c>
      <c r="P20" s="349">
        <v>-36.200000000000003</v>
      </c>
      <c r="Q20" s="349">
        <v>101.6</v>
      </c>
      <c r="R20" s="349">
        <v>1.6</v>
      </c>
      <c r="S20" s="349">
        <v>94.1</v>
      </c>
      <c r="T20" s="349">
        <v>4.8</v>
      </c>
      <c r="U20" s="349">
        <v>120</v>
      </c>
      <c r="V20" s="349">
        <v>-28.7</v>
      </c>
      <c r="W20" s="349">
        <v>84.7</v>
      </c>
      <c r="X20" s="349">
        <v>-5.7</v>
      </c>
      <c r="Y20" s="349">
        <v>133.30000000000001</v>
      </c>
      <c r="Z20" s="349">
        <v>2.1</v>
      </c>
      <c r="AA20" s="349">
        <v>131</v>
      </c>
      <c r="AB20" s="349">
        <v>-18.3</v>
      </c>
      <c r="AC20" s="349">
        <v>202.6</v>
      </c>
      <c r="AD20" s="349">
        <v>45.8</v>
      </c>
      <c r="AE20" s="349">
        <v>112.8</v>
      </c>
      <c r="AF20" s="349">
        <v>-22</v>
      </c>
      <c r="AG20" s="349">
        <v>72.400000000000006</v>
      </c>
      <c r="AH20" s="349">
        <v>-20.3</v>
      </c>
      <c r="AI20" s="349">
        <v>97</v>
      </c>
      <c r="AJ20" s="349">
        <v>-1</v>
      </c>
      <c r="AK20" s="159"/>
    </row>
    <row r="21" spans="1:37" s="326" customFormat="1" ht="15" customHeight="1" x14ac:dyDescent="0.15">
      <c r="A21" s="553"/>
      <c r="B21" s="615"/>
      <c r="C21" s="347"/>
      <c r="D21" s="348" t="s">
        <v>201</v>
      </c>
      <c r="E21" s="351">
        <v>89.4</v>
      </c>
      <c r="F21" s="352">
        <v>-11.6</v>
      </c>
      <c r="G21" s="351">
        <v>96.4</v>
      </c>
      <c r="H21" s="351">
        <v>-2.9</v>
      </c>
      <c r="I21" s="351">
        <v>98.4</v>
      </c>
      <c r="J21" s="351">
        <v>-4.5999999999999996</v>
      </c>
      <c r="K21" s="351">
        <v>75.900000000000006</v>
      </c>
      <c r="L21" s="351">
        <v>-18.600000000000001</v>
      </c>
      <c r="M21" s="351">
        <v>101.3</v>
      </c>
      <c r="N21" s="351">
        <v>-2.5</v>
      </c>
      <c r="O21" s="351">
        <v>55.2</v>
      </c>
      <c r="P21" s="351">
        <v>-45.5</v>
      </c>
      <c r="Q21" s="351">
        <v>100</v>
      </c>
      <c r="R21" s="351">
        <v>5</v>
      </c>
      <c r="S21" s="351">
        <v>84.7</v>
      </c>
      <c r="T21" s="351">
        <v>1</v>
      </c>
      <c r="U21" s="351">
        <v>94.1</v>
      </c>
      <c r="V21" s="351">
        <v>-54.3</v>
      </c>
      <c r="W21" s="351">
        <v>69.400000000000006</v>
      </c>
      <c r="X21" s="351">
        <v>-11.4</v>
      </c>
      <c r="Y21" s="351">
        <v>138.9</v>
      </c>
      <c r="Z21" s="351">
        <v>2.1</v>
      </c>
      <c r="AA21" s="351">
        <v>139.69999999999999</v>
      </c>
      <c r="AB21" s="351">
        <v>-24.3</v>
      </c>
      <c r="AC21" s="351">
        <v>98.7</v>
      </c>
      <c r="AD21" s="351">
        <v>69</v>
      </c>
      <c r="AE21" s="351">
        <v>106.4</v>
      </c>
      <c r="AF21" s="351">
        <v>-24.2</v>
      </c>
      <c r="AG21" s="351">
        <v>62.2</v>
      </c>
      <c r="AH21" s="351">
        <v>-15.4</v>
      </c>
      <c r="AI21" s="351">
        <v>88.9</v>
      </c>
      <c r="AJ21" s="351">
        <v>1.1000000000000001</v>
      </c>
      <c r="AK21" s="159"/>
    </row>
    <row r="22" spans="1:37" s="326" customFormat="1" ht="15" customHeight="1" x14ac:dyDescent="0.15">
      <c r="A22" s="553"/>
      <c r="B22" s="615"/>
      <c r="C22" s="347"/>
      <c r="D22" s="348" t="s">
        <v>202</v>
      </c>
      <c r="E22" s="349">
        <v>103.2</v>
      </c>
      <c r="F22" s="350">
        <v>-4.9000000000000004</v>
      </c>
      <c r="G22" s="349">
        <v>113.7</v>
      </c>
      <c r="H22" s="349">
        <v>7.5</v>
      </c>
      <c r="I22" s="349">
        <v>103.1</v>
      </c>
      <c r="J22" s="349">
        <v>-7.1</v>
      </c>
      <c r="K22" s="349">
        <v>74.400000000000006</v>
      </c>
      <c r="L22" s="349">
        <v>-18.899999999999999</v>
      </c>
      <c r="M22" s="349">
        <v>100.6</v>
      </c>
      <c r="N22" s="349">
        <v>-7.2</v>
      </c>
      <c r="O22" s="349">
        <v>63.7</v>
      </c>
      <c r="P22" s="349">
        <v>-39</v>
      </c>
      <c r="Q22" s="349">
        <v>96.8</v>
      </c>
      <c r="R22" s="349">
        <v>1.7</v>
      </c>
      <c r="S22" s="349">
        <v>91.5</v>
      </c>
      <c r="T22" s="349">
        <v>19.899999999999999</v>
      </c>
      <c r="U22" s="349">
        <v>107.1</v>
      </c>
      <c r="V22" s="349">
        <v>-49.4</v>
      </c>
      <c r="W22" s="349">
        <v>83.4</v>
      </c>
      <c r="X22" s="349">
        <v>-3</v>
      </c>
      <c r="Y22" s="349">
        <v>138.9</v>
      </c>
      <c r="Z22" s="349">
        <v>4.2</v>
      </c>
      <c r="AA22" s="349">
        <v>144.80000000000001</v>
      </c>
      <c r="AB22" s="349">
        <v>-7.7</v>
      </c>
      <c r="AC22" s="349">
        <v>240.3</v>
      </c>
      <c r="AD22" s="349">
        <v>86.9</v>
      </c>
      <c r="AE22" s="349">
        <v>108.5</v>
      </c>
      <c r="AF22" s="349">
        <v>-27.1</v>
      </c>
      <c r="AG22" s="349">
        <v>65.3</v>
      </c>
      <c r="AH22" s="349">
        <v>48.7</v>
      </c>
      <c r="AI22" s="349">
        <v>104</v>
      </c>
      <c r="AJ22" s="349">
        <v>9.6</v>
      </c>
      <c r="AK22" s="159"/>
    </row>
    <row r="23" spans="1:37" s="326" customFormat="1" ht="15" customHeight="1" x14ac:dyDescent="0.15">
      <c r="A23" s="553"/>
      <c r="B23" s="615"/>
      <c r="C23" s="347"/>
      <c r="D23" s="348" t="s">
        <v>203</v>
      </c>
      <c r="E23" s="351">
        <v>111.7</v>
      </c>
      <c r="F23" s="352">
        <v>-1</v>
      </c>
      <c r="G23" s="351">
        <v>133.1</v>
      </c>
      <c r="H23" s="351">
        <v>26.8</v>
      </c>
      <c r="I23" s="351">
        <v>111.8</v>
      </c>
      <c r="J23" s="351">
        <v>-0.7</v>
      </c>
      <c r="K23" s="351">
        <v>70.7</v>
      </c>
      <c r="L23" s="351">
        <v>-18.899999999999999</v>
      </c>
      <c r="M23" s="351">
        <v>111.7</v>
      </c>
      <c r="N23" s="351">
        <v>-3.4</v>
      </c>
      <c r="O23" s="351">
        <v>72.599999999999994</v>
      </c>
      <c r="P23" s="351">
        <v>-28.7</v>
      </c>
      <c r="Q23" s="351">
        <v>111.3</v>
      </c>
      <c r="R23" s="351">
        <v>4.5</v>
      </c>
      <c r="S23" s="351">
        <v>108.5</v>
      </c>
      <c r="T23" s="351">
        <v>17.399999999999999</v>
      </c>
      <c r="U23" s="351">
        <v>117.6</v>
      </c>
      <c r="V23" s="351">
        <v>-42.6</v>
      </c>
      <c r="W23" s="351">
        <v>84.7</v>
      </c>
      <c r="X23" s="351">
        <v>-3</v>
      </c>
      <c r="Y23" s="351">
        <v>136.1</v>
      </c>
      <c r="Z23" s="351">
        <v>2.1</v>
      </c>
      <c r="AA23" s="351">
        <v>119</v>
      </c>
      <c r="AB23" s="351">
        <v>-25</v>
      </c>
      <c r="AC23" s="351">
        <v>255.8</v>
      </c>
      <c r="AD23" s="351">
        <v>45.9</v>
      </c>
      <c r="AE23" s="351">
        <v>117</v>
      </c>
      <c r="AF23" s="351">
        <v>-11.3</v>
      </c>
      <c r="AG23" s="351">
        <v>61.2</v>
      </c>
      <c r="AH23" s="351">
        <v>-6.3</v>
      </c>
      <c r="AI23" s="351">
        <v>102</v>
      </c>
      <c r="AJ23" s="351">
        <v>-3.9</v>
      </c>
      <c r="AK23" s="159"/>
    </row>
    <row r="24" spans="1:37" s="326" customFormat="1" ht="15" customHeight="1" x14ac:dyDescent="0.15">
      <c r="A24" s="553"/>
      <c r="B24" s="615"/>
      <c r="C24" s="347"/>
      <c r="D24" s="348" t="s">
        <v>204</v>
      </c>
      <c r="E24" s="349">
        <v>110.6</v>
      </c>
      <c r="F24" s="350">
        <v>-2</v>
      </c>
      <c r="G24" s="349">
        <v>124.5</v>
      </c>
      <c r="H24" s="349">
        <v>14.6</v>
      </c>
      <c r="I24" s="349">
        <v>114.2</v>
      </c>
      <c r="J24" s="349">
        <v>-4</v>
      </c>
      <c r="K24" s="349">
        <v>71.400000000000006</v>
      </c>
      <c r="L24" s="349">
        <v>-17.5</v>
      </c>
      <c r="M24" s="349">
        <v>111</v>
      </c>
      <c r="N24" s="349">
        <v>-0.6</v>
      </c>
      <c r="O24" s="349">
        <v>75.8</v>
      </c>
      <c r="P24" s="349">
        <v>-30.1</v>
      </c>
      <c r="Q24" s="349">
        <v>104.8</v>
      </c>
      <c r="R24" s="349">
        <v>6.5</v>
      </c>
      <c r="S24" s="349">
        <v>104.2</v>
      </c>
      <c r="T24" s="349">
        <v>14.9</v>
      </c>
      <c r="U24" s="349">
        <v>125.9</v>
      </c>
      <c r="V24" s="349">
        <v>-28.7</v>
      </c>
      <c r="W24" s="349">
        <v>87.3</v>
      </c>
      <c r="X24" s="349">
        <v>-1.4</v>
      </c>
      <c r="Y24" s="349">
        <v>150</v>
      </c>
      <c r="Z24" s="349">
        <v>20</v>
      </c>
      <c r="AA24" s="349">
        <v>141.4</v>
      </c>
      <c r="AB24" s="349">
        <v>-6.8</v>
      </c>
      <c r="AC24" s="349">
        <v>219.5</v>
      </c>
      <c r="AD24" s="349">
        <v>24.3</v>
      </c>
      <c r="AE24" s="349">
        <v>119.1</v>
      </c>
      <c r="AF24" s="349">
        <v>-16.5</v>
      </c>
      <c r="AG24" s="349">
        <v>59.2</v>
      </c>
      <c r="AH24" s="349">
        <v>-21.6</v>
      </c>
      <c r="AI24" s="349">
        <v>109.1</v>
      </c>
      <c r="AJ24" s="349">
        <v>8</v>
      </c>
      <c r="AK24" s="159"/>
    </row>
    <row r="25" spans="1:37" s="326" customFormat="1" ht="15" customHeight="1" x14ac:dyDescent="0.15">
      <c r="A25" s="553"/>
      <c r="B25" s="615"/>
      <c r="C25" s="347"/>
      <c r="D25" s="348" t="s">
        <v>205</v>
      </c>
      <c r="E25" s="351">
        <v>107.4</v>
      </c>
      <c r="F25" s="352">
        <v>-4.8</v>
      </c>
      <c r="G25" s="351">
        <v>99.3</v>
      </c>
      <c r="H25" s="351">
        <v>-15.3</v>
      </c>
      <c r="I25" s="351">
        <v>110.2</v>
      </c>
      <c r="J25" s="351">
        <v>2.9</v>
      </c>
      <c r="K25" s="351">
        <v>89.5</v>
      </c>
      <c r="L25" s="351">
        <v>5.3</v>
      </c>
      <c r="M25" s="351">
        <v>115.6</v>
      </c>
      <c r="N25" s="351">
        <v>0.6</v>
      </c>
      <c r="O25" s="351">
        <v>74.400000000000006</v>
      </c>
      <c r="P25" s="351">
        <v>-32.5</v>
      </c>
      <c r="Q25" s="351">
        <v>106.5</v>
      </c>
      <c r="R25" s="351">
        <v>3.2</v>
      </c>
      <c r="S25" s="351">
        <v>102.5</v>
      </c>
      <c r="T25" s="351">
        <v>14.1</v>
      </c>
      <c r="U25" s="351">
        <v>112.9</v>
      </c>
      <c r="V25" s="351">
        <v>-38.5</v>
      </c>
      <c r="W25" s="351">
        <v>85.4</v>
      </c>
      <c r="X25" s="351">
        <v>3.9</v>
      </c>
      <c r="Y25" s="351">
        <v>180.6</v>
      </c>
      <c r="Z25" s="351">
        <v>25.1</v>
      </c>
      <c r="AA25" s="351">
        <v>132.80000000000001</v>
      </c>
      <c r="AB25" s="351">
        <v>-19.8</v>
      </c>
      <c r="AC25" s="351">
        <v>203.9</v>
      </c>
      <c r="AD25" s="351">
        <v>61.8</v>
      </c>
      <c r="AE25" s="351">
        <v>112.8</v>
      </c>
      <c r="AF25" s="351">
        <v>-33.700000000000003</v>
      </c>
      <c r="AG25" s="351">
        <v>81.599999999999994</v>
      </c>
      <c r="AH25" s="351">
        <v>15.9</v>
      </c>
      <c r="AI25" s="351">
        <v>105.1</v>
      </c>
      <c r="AJ25" s="351">
        <v>6.2</v>
      </c>
      <c r="AK25" s="159"/>
    </row>
    <row r="26" spans="1:37" s="326" customFormat="1" ht="14.25" customHeight="1" x14ac:dyDescent="0.15">
      <c r="A26" s="553"/>
      <c r="B26" s="615"/>
      <c r="C26" s="347"/>
      <c r="D26" s="348"/>
      <c r="E26" s="351"/>
      <c r="F26" s="352"/>
      <c r="G26" s="351"/>
      <c r="H26" s="351"/>
      <c r="I26" s="351"/>
      <c r="J26" s="351"/>
      <c r="K26" s="351"/>
      <c r="L26" s="351"/>
      <c r="M26" s="351"/>
      <c r="N26" s="351"/>
      <c r="O26" s="351"/>
      <c r="P26" s="351"/>
      <c r="Q26" s="351"/>
      <c r="R26" s="351"/>
      <c r="S26" s="351"/>
      <c r="T26" s="351"/>
      <c r="U26" s="351"/>
      <c r="V26" s="351"/>
      <c r="W26" s="351"/>
      <c r="X26" s="351"/>
      <c r="Y26" s="351"/>
      <c r="Z26" s="351"/>
      <c r="AA26" s="351"/>
      <c r="AB26" s="351"/>
      <c r="AC26" s="351"/>
      <c r="AD26" s="351"/>
      <c r="AE26" s="351"/>
      <c r="AF26" s="351"/>
      <c r="AG26" s="351"/>
      <c r="AH26" s="351"/>
      <c r="AI26" s="351"/>
      <c r="AJ26" s="351"/>
      <c r="AK26" s="159"/>
    </row>
    <row r="27" spans="1:37" s="326" customFormat="1" ht="14.25" customHeight="1" x14ac:dyDescent="0.15">
      <c r="A27" s="553"/>
      <c r="B27" s="615"/>
      <c r="C27" s="347" t="s">
        <v>206</v>
      </c>
      <c r="D27" s="348" t="s">
        <v>194</v>
      </c>
      <c r="E27" s="349">
        <v>102.1</v>
      </c>
      <c r="F27" s="350">
        <v>-2.1</v>
      </c>
      <c r="G27" s="349">
        <v>81.3</v>
      </c>
      <c r="H27" s="349">
        <v>-25.7</v>
      </c>
      <c r="I27" s="349">
        <v>102.4</v>
      </c>
      <c r="J27" s="349">
        <v>1.6</v>
      </c>
      <c r="K27" s="349">
        <v>99.2</v>
      </c>
      <c r="L27" s="349">
        <v>14.7</v>
      </c>
      <c r="M27" s="349">
        <v>103.2</v>
      </c>
      <c r="N27" s="349">
        <v>-3.6</v>
      </c>
      <c r="O27" s="349">
        <v>64.599999999999994</v>
      </c>
      <c r="P27" s="349">
        <v>-15.8</v>
      </c>
      <c r="Q27" s="349">
        <v>111.3</v>
      </c>
      <c r="R27" s="349">
        <v>9.5</v>
      </c>
      <c r="S27" s="349">
        <v>101.7</v>
      </c>
      <c r="T27" s="349">
        <v>22.4</v>
      </c>
      <c r="U27" s="349">
        <v>129.4</v>
      </c>
      <c r="V27" s="349">
        <v>-15.4</v>
      </c>
      <c r="W27" s="349">
        <v>91.1</v>
      </c>
      <c r="X27" s="349">
        <v>13.4</v>
      </c>
      <c r="Y27" s="349">
        <v>205.6</v>
      </c>
      <c r="Z27" s="349">
        <v>48</v>
      </c>
      <c r="AA27" s="349">
        <v>96.6</v>
      </c>
      <c r="AB27" s="349">
        <v>-43.4</v>
      </c>
      <c r="AC27" s="349">
        <v>198.7</v>
      </c>
      <c r="AD27" s="349">
        <v>3.4</v>
      </c>
      <c r="AE27" s="349">
        <v>110.6</v>
      </c>
      <c r="AF27" s="349">
        <v>-5.5</v>
      </c>
      <c r="AG27" s="349">
        <v>95.9</v>
      </c>
      <c r="AH27" s="349">
        <v>25.4</v>
      </c>
      <c r="AI27" s="349">
        <v>93.9</v>
      </c>
      <c r="AJ27" s="349">
        <v>-9.6999999999999993</v>
      </c>
      <c r="AK27" s="159"/>
    </row>
    <row r="28" spans="1:37" s="326" customFormat="1" ht="11.25" customHeight="1" x14ac:dyDescent="0.15">
      <c r="A28" s="553"/>
      <c r="B28" s="557"/>
      <c r="C28" s="353"/>
      <c r="D28" s="354"/>
      <c r="E28" s="351"/>
      <c r="F28" s="352"/>
      <c r="G28" s="351"/>
      <c r="H28" s="351"/>
      <c r="I28" s="351"/>
      <c r="J28" s="351"/>
      <c r="K28" s="351"/>
      <c r="L28" s="351"/>
      <c r="M28" s="351"/>
      <c r="N28" s="351"/>
      <c r="O28" s="351"/>
      <c r="P28" s="351"/>
      <c r="Q28" s="351"/>
      <c r="R28" s="351"/>
      <c r="S28" s="351"/>
      <c r="T28" s="351"/>
      <c r="U28" s="351"/>
      <c r="V28" s="351"/>
      <c r="W28" s="351"/>
      <c r="X28" s="351"/>
      <c r="Y28" s="351"/>
      <c r="Z28" s="351"/>
      <c r="AA28" s="351"/>
      <c r="AB28" s="351"/>
      <c r="AC28" s="351"/>
      <c r="AD28" s="351"/>
      <c r="AE28" s="351"/>
      <c r="AF28" s="351"/>
      <c r="AG28" s="351"/>
      <c r="AH28" s="351"/>
      <c r="AI28" s="351"/>
      <c r="AJ28" s="351"/>
      <c r="AK28" s="159"/>
    </row>
    <row r="29" spans="1:37" s="326" customFormat="1" ht="11.25" customHeight="1" x14ac:dyDescent="0.15">
      <c r="A29" s="553"/>
      <c r="B29" s="355"/>
      <c r="C29" s="356"/>
      <c r="D29" s="357"/>
      <c r="E29" s="358"/>
      <c r="F29" s="359"/>
      <c r="G29" s="358"/>
      <c r="H29" s="358"/>
      <c r="I29" s="358"/>
      <c r="J29" s="358"/>
      <c r="K29" s="358"/>
      <c r="L29" s="358"/>
      <c r="M29" s="358"/>
      <c r="N29" s="358"/>
      <c r="O29" s="358"/>
      <c r="P29" s="358"/>
      <c r="Q29" s="358"/>
      <c r="R29" s="358"/>
      <c r="S29" s="358"/>
      <c r="T29" s="358"/>
      <c r="U29" s="358"/>
      <c r="V29" s="358"/>
      <c r="W29" s="358"/>
      <c r="X29" s="358"/>
      <c r="Y29" s="358"/>
      <c r="Z29" s="358"/>
      <c r="AA29" s="358"/>
      <c r="AB29" s="358"/>
      <c r="AC29" s="358"/>
      <c r="AD29" s="358"/>
      <c r="AE29" s="358"/>
      <c r="AF29" s="358"/>
      <c r="AG29" s="358"/>
      <c r="AH29" s="358"/>
      <c r="AI29" s="358"/>
      <c r="AJ29" s="358"/>
      <c r="AK29" s="159"/>
    </row>
    <row r="30" spans="1:37" s="326" customFormat="1" ht="14.25" customHeight="1" x14ac:dyDescent="0.15">
      <c r="A30" s="553"/>
      <c r="B30" s="431"/>
      <c r="C30" s="347" t="s">
        <v>188</v>
      </c>
      <c r="D30" s="348" t="s">
        <v>189</v>
      </c>
      <c r="E30" s="349">
        <v>107.9</v>
      </c>
      <c r="F30" s="350">
        <v>2.4</v>
      </c>
      <c r="G30" s="349">
        <v>120.7</v>
      </c>
      <c r="H30" s="349">
        <v>1.3</v>
      </c>
      <c r="I30" s="349">
        <v>115</v>
      </c>
      <c r="J30" s="349">
        <v>12.2</v>
      </c>
      <c r="K30" s="349">
        <v>92.2</v>
      </c>
      <c r="L30" s="349">
        <v>17.899999999999999</v>
      </c>
      <c r="M30" s="349">
        <v>136.19999999999999</v>
      </c>
      <c r="N30" s="349">
        <v>15.7</v>
      </c>
      <c r="O30" s="349">
        <v>92.4</v>
      </c>
      <c r="P30" s="349">
        <v>-12</v>
      </c>
      <c r="Q30" s="349">
        <v>136.1</v>
      </c>
      <c r="R30" s="349">
        <v>31.2</v>
      </c>
      <c r="S30" s="349">
        <v>76.8</v>
      </c>
      <c r="T30" s="349">
        <v>-13</v>
      </c>
      <c r="U30" s="349">
        <v>129.9</v>
      </c>
      <c r="V30" s="349">
        <v>11.2</v>
      </c>
      <c r="W30" s="349">
        <v>85.6</v>
      </c>
      <c r="X30" s="349">
        <v>-18.600000000000001</v>
      </c>
      <c r="Y30" s="349">
        <v>148.4</v>
      </c>
      <c r="Z30" s="349">
        <v>62</v>
      </c>
      <c r="AA30" s="349">
        <v>74.900000000000006</v>
      </c>
      <c r="AB30" s="349">
        <v>-24.6</v>
      </c>
      <c r="AC30" s="349">
        <v>80.400000000000006</v>
      </c>
      <c r="AD30" s="349">
        <v>-32.799999999999997</v>
      </c>
      <c r="AE30" s="349">
        <v>133.6</v>
      </c>
      <c r="AF30" s="349">
        <v>47.8</v>
      </c>
      <c r="AG30" s="349">
        <v>113.1</v>
      </c>
      <c r="AH30" s="349">
        <v>13</v>
      </c>
      <c r="AI30" s="349">
        <v>95.4</v>
      </c>
      <c r="AJ30" s="349">
        <v>-14.4</v>
      </c>
      <c r="AK30" s="159"/>
    </row>
    <row r="31" spans="1:37" s="326" customFormat="1" ht="14.25" customHeight="1" x14ac:dyDescent="0.15">
      <c r="A31" s="553"/>
      <c r="B31" s="431"/>
      <c r="C31" s="347" t="s">
        <v>188</v>
      </c>
      <c r="D31" s="348" t="s">
        <v>190</v>
      </c>
      <c r="E31" s="351">
        <v>115.9</v>
      </c>
      <c r="F31" s="352">
        <v>7.4</v>
      </c>
      <c r="G31" s="351">
        <v>109.3</v>
      </c>
      <c r="H31" s="351">
        <v>-9.4</v>
      </c>
      <c r="I31" s="351">
        <v>116.3</v>
      </c>
      <c r="J31" s="351">
        <v>1.1000000000000001</v>
      </c>
      <c r="K31" s="351">
        <v>93.1</v>
      </c>
      <c r="L31" s="351">
        <v>1</v>
      </c>
      <c r="M31" s="351">
        <v>126.8</v>
      </c>
      <c r="N31" s="351">
        <v>-6.9</v>
      </c>
      <c r="O31" s="351">
        <v>118</v>
      </c>
      <c r="P31" s="351">
        <v>27.7</v>
      </c>
      <c r="Q31" s="351">
        <v>158.6</v>
      </c>
      <c r="R31" s="351">
        <v>16.5</v>
      </c>
      <c r="S31" s="351">
        <v>75.2</v>
      </c>
      <c r="T31" s="351">
        <v>-2.1</v>
      </c>
      <c r="U31" s="351">
        <v>143.4</v>
      </c>
      <c r="V31" s="351">
        <v>10.4</v>
      </c>
      <c r="W31" s="351">
        <v>91</v>
      </c>
      <c r="X31" s="351">
        <v>6.3</v>
      </c>
      <c r="Y31" s="351">
        <v>151.80000000000001</v>
      </c>
      <c r="Z31" s="351">
        <v>2.2999999999999998</v>
      </c>
      <c r="AA31" s="351">
        <v>73.5</v>
      </c>
      <c r="AB31" s="351">
        <v>-1.9</v>
      </c>
      <c r="AC31" s="351">
        <v>118.2</v>
      </c>
      <c r="AD31" s="351">
        <v>47</v>
      </c>
      <c r="AE31" s="351">
        <v>150.30000000000001</v>
      </c>
      <c r="AF31" s="351">
        <v>12.5</v>
      </c>
      <c r="AG31" s="351">
        <v>113.2</v>
      </c>
      <c r="AH31" s="351">
        <v>0.1</v>
      </c>
      <c r="AI31" s="351">
        <v>85.2</v>
      </c>
      <c r="AJ31" s="351">
        <v>-10.7</v>
      </c>
      <c r="AK31" s="159"/>
    </row>
    <row r="32" spans="1:37" s="326" customFormat="1" ht="14.25" customHeight="1" x14ac:dyDescent="0.15">
      <c r="A32" s="553"/>
      <c r="B32" s="431"/>
      <c r="C32" s="347" t="s">
        <v>188</v>
      </c>
      <c r="D32" s="348" t="s">
        <v>191</v>
      </c>
      <c r="E32" s="349">
        <v>116.5</v>
      </c>
      <c r="F32" s="350">
        <v>-1.4</v>
      </c>
      <c r="G32" s="349">
        <v>95.9</v>
      </c>
      <c r="H32" s="349">
        <v>-12.6</v>
      </c>
      <c r="I32" s="349">
        <v>105.1</v>
      </c>
      <c r="J32" s="349">
        <v>-9.6999999999999993</v>
      </c>
      <c r="K32" s="349">
        <v>96.1</v>
      </c>
      <c r="L32" s="349">
        <v>0.9</v>
      </c>
      <c r="M32" s="349">
        <v>116.9</v>
      </c>
      <c r="N32" s="349">
        <v>-7.4</v>
      </c>
      <c r="O32" s="349">
        <v>110.4</v>
      </c>
      <c r="P32" s="349">
        <v>-6.7</v>
      </c>
      <c r="Q32" s="349">
        <v>121.3</v>
      </c>
      <c r="R32" s="349">
        <v>-21.4</v>
      </c>
      <c r="S32" s="349">
        <v>93.2</v>
      </c>
      <c r="T32" s="349">
        <v>21.2</v>
      </c>
      <c r="U32" s="349">
        <v>122.7</v>
      </c>
      <c r="V32" s="349">
        <v>-11.5</v>
      </c>
      <c r="W32" s="349">
        <v>87.6</v>
      </c>
      <c r="X32" s="349">
        <v>-3</v>
      </c>
      <c r="Y32" s="349">
        <v>175.5</v>
      </c>
      <c r="Z32" s="349">
        <v>14.8</v>
      </c>
      <c r="AA32" s="349">
        <v>92.6</v>
      </c>
      <c r="AB32" s="349">
        <v>26.8</v>
      </c>
      <c r="AC32" s="349">
        <v>140.5</v>
      </c>
      <c r="AD32" s="349">
        <v>17</v>
      </c>
      <c r="AE32" s="349">
        <v>178.8</v>
      </c>
      <c r="AF32" s="349">
        <v>19.7</v>
      </c>
      <c r="AG32" s="349">
        <v>107.1</v>
      </c>
      <c r="AH32" s="349">
        <v>2</v>
      </c>
      <c r="AI32" s="349">
        <v>100.7</v>
      </c>
      <c r="AJ32" s="349">
        <v>18.2</v>
      </c>
      <c r="AK32" s="159"/>
    </row>
    <row r="33" spans="1:37" s="326" customFormat="1" ht="14.25" customHeight="1" x14ac:dyDescent="0.15">
      <c r="A33" s="553"/>
      <c r="B33" s="431"/>
      <c r="C33" s="347" t="s">
        <v>188</v>
      </c>
      <c r="D33" s="348" t="s">
        <v>192</v>
      </c>
      <c r="E33" s="351">
        <v>112.3</v>
      </c>
      <c r="F33" s="352">
        <v>-3.6</v>
      </c>
      <c r="G33" s="351">
        <v>91.4</v>
      </c>
      <c r="H33" s="351">
        <v>-4.7</v>
      </c>
      <c r="I33" s="351">
        <v>101.3</v>
      </c>
      <c r="J33" s="351">
        <v>-3.6</v>
      </c>
      <c r="K33" s="351">
        <v>77.3</v>
      </c>
      <c r="L33" s="351">
        <v>-19.600000000000001</v>
      </c>
      <c r="M33" s="351">
        <v>113.7</v>
      </c>
      <c r="N33" s="351">
        <v>-2.7</v>
      </c>
      <c r="O33" s="351">
        <v>71.900000000000006</v>
      </c>
      <c r="P33" s="351">
        <v>-34.9</v>
      </c>
      <c r="Q33" s="351">
        <v>129.1</v>
      </c>
      <c r="R33" s="351">
        <v>6.4</v>
      </c>
      <c r="S33" s="351">
        <v>101.3</v>
      </c>
      <c r="T33" s="351">
        <v>8.6999999999999993</v>
      </c>
      <c r="U33" s="351">
        <v>111.6</v>
      </c>
      <c r="V33" s="351">
        <v>-9</v>
      </c>
      <c r="W33" s="351">
        <v>86.2</v>
      </c>
      <c r="X33" s="351">
        <v>-1.6</v>
      </c>
      <c r="Y33" s="351">
        <v>176.4</v>
      </c>
      <c r="Z33" s="351">
        <v>0.5</v>
      </c>
      <c r="AA33" s="351">
        <v>102.5</v>
      </c>
      <c r="AB33" s="351">
        <v>10.7</v>
      </c>
      <c r="AC33" s="351">
        <v>212.1</v>
      </c>
      <c r="AD33" s="351">
        <v>51</v>
      </c>
      <c r="AE33" s="351">
        <v>121.1</v>
      </c>
      <c r="AF33" s="351">
        <v>-32.299999999999997</v>
      </c>
      <c r="AG33" s="361">
        <v>73.2</v>
      </c>
      <c r="AH33" s="361">
        <v>-31.7</v>
      </c>
      <c r="AI33" s="351">
        <v>115.5</v>
      </c>
      <c r="AJ33" s="351">
        <v>14.7</v>
      </c>
      <c r="AK33" s="159"/>
    </row>
    <row r="34" spans="1:37" s="326" customFormat="1" ht="14.25" customHeight="1" x14ac:dyDescent="0.15">
      <c r="A34" s="553"/>
      <c r="B34" s="431"/>
      <c r="C34" s="347"/>
      <c r="D34" s="348"/>
      <c r="E34" s="351"/>
      <c r="F34" s="352"/>
      <c r="G34" s="351"/>
      <c r="H34" s="351"/>
      <c r="I34" s="351"/>
      <c r="J34" s="351"/>
      <c r="K34" s="351"/>
      <c r="L34" s="351"/>
      <c r="M34" s="351"/>
      <c r="N34" s="351"/>
      <c r="O34" s="351"/>
      <c r="P34" s="351"/>
      <c r="Q34" s="351"/>
      <c r="R34" s="351"/>
      <c r="S34" s="351"/>
      <c r="T34" s="351"/>
      <c r="U34" s="351"/>
      <c r="V34" s="351"/>
      <c r="W34" s="351"/>
      <c r="X34" s="351"/>
      <c r="Y34" s="351"/>
      <c r="Z34" s="351"/>
      <c r="AA34" s="351"/>
      <c r="AB34" s="351"/>
      <c r="AC34" s="351"/>
      <c r="AD34" s="351"/>
      <c r="AE34" s="351"/>
      <c r="AF34" s="351"/>
      <c r="AG34" s="361"/>
      <c r="AH34" s="361"/>
      <c r="AI34" s="351"/>
      <c r="AJ34" s="351"/>
      <c r="AK34" s="159"/>
    </row>
    <row r="35" spans="1:37" s="326" customFormat="1" ht="15" customHeight="1" x14ac:dyDescent="0.15">
      <c r="A35" s="553"/>
      <c r="B35" s="616" t="s">
        <v>0</v>
      </c>
      <c r="C35" s="347" t="s">
        <v>193</v>
      </c>
      <c r="D35" s="348" t="s">
        <v>194</v>
      </c>
      <c r="E35" s="349">
        <v>107.5</v>
      </c>
      <c r="F35" s="350">
        <v>-8</v>
      </c>
      <c r="G35" s="349">
        <v>82.8</v>
      </c>
      <c r="H35" s="349">
        <v>-19.100000000000001</v>
      </c>
      <c r="I35" s="349">
        <v>94.4</v>
      </c>
      <c r="J35" s="349">
        <v>-4.9000000000000004</v>
      </c>
      <c r="K35" s="349">
        <v>94</v>
      </c>
      <c r="L35" s="349">
        <v>-5.3</v>
      </c>
      <c r="M35" s="349">
        <v>113.2</v>
      </c>
      <c r="N35" s="349">
        <v>-2.9</v>
      </c>
      <c r="O35" s="349">
        <v>77.8</v>
      </c>
      <c r="P35" s="349">
        <v>-27</v>
      </c>
      <c r="Q35" s="349">
        <v>123</v>
      </c>
      <c r="R35" s="349">
        <v>-3.8</v>
      </c>
      <c r="S35" s="349">
        <v>88.8</v>
      </c>
      <c r="T35" s="349">
        <v>5.3</v>
      </c>
      <c r="U35" s="349">
        <v>95</v>
      </c>
      <c r="V35" s="349">
        <v>-12.7</v>
      </c>
      <c r="W35" s="349">
        <v>83.9</v>
      </c>
      <c r="X35" s="349">
        <v>-4.0999999999999996</v>
      </c>
      <c r="Y35" s="349">
        <v>167.6</v>
      </c>
      <c r="Z35" s="349">
        <v>-10.1</v>
      </c>
      <c r="AA35" s="349">
        <v>109.6</v>
      </c>
      <c r="AB35" s="349">
        <v>25</v>
      </c>
      <c r="AC35" s="349">
        <v>189.7</v>
      </c>
      <c r="AD35" s="349">
        <v>58.6</v>
      </c>
      <c r="AE35" s="349">
        <v>110.9</v>
      </c>
      <c r="AF35" s="349">
        <v>-50</v>
      </c>
      <c r="AG35" s="360">
        <v>100</v>
      </c>
      <c r="AH35" s="360">
        <v>5.9</v>
      </c>
      <c r="AI35" s="349">
        <v>113</v>
      </c>
      <c r="AJ35" s="349">
        <v>22.3</v>
      </c>
      <c r="AK35" s="159"/>
    </row>
    <row r="36" spans="1:37" s="326" customFormat="1" ht="15" customHeight="1" x14ac:dyDescent="0.15">
      <c r="A36" s="553"/>
      <c r="B36" s="616"/>
      <c r="C36" s="347"/>
      <c r="D36" s="348" t="s">
        <v>195</v>
      </c>
      <c r="E36" s="351">
        <v>111.2</v>
      </c>
      <c r="F36" s="352">
        <v>-7.8</v>
      </c>
      <c r="G36" s="351">
        <v>91.4</v>
      </c>
      <c r="H36" s="351">
        <v>0.6</v>
      </c>
      <c r="I36" s="351">
        <v>100</v>
      </c>
      <c r="J36" s="351">
        <v>-8.4</v>
      </c>
      <c r="K36" s="351">
        <v>69.400000000000006</v>
      </c>
      <c r="L36" s="351">
        <v>-33.1</v>
      </c>
      <c r="M36" s="351">
        <v>103.3</v>
      </c>
      <c r="N36" s="351">
        <v>-13.3</v>
      </c>
      <c r="O36" s="351">
        <v>71.7</v>
      </c>
      <c r="P36" s="351">
        <v>-34.5</v>
      </c>
      <c r="Q36" s="351">
        <v>113.1</v>
      </c>
      <c r="R36" s="351">
        <v>-2.8</v>
      </c>
      <c r="S36" s="351">
        <v>96.3</v>
      </c>
      <c r="T36" s="351">
        <v>11.2</v>
      </c>
      <c r="U36" s="351">
        <v>102.5</v>
      </c>
      <c r="V36" s="351">
        <v>-19.600000000000001</v>
      </c>
      <c r="W36" s="351">
        <v>92.3</v>
      </c>
      <c r="X36" s="351">
        <v>0.7</v>
      </c>
      <c r="Y36" s="351">
        <v>140.5</v>
      </c>
      <c r="Z36" s="351">
        <v>2</v>
      </c>
      <c r="AA36" s="351">
        <v>86.3</v>
      </c>
      <c r="AB36" s="351">
        <v>8.6</v>
      </c>
      <c r="AC36" s="351">
        <v>217.8</v>
      </c>
      <c r="AD36" s="351">
        <v>42.1</v>
      </c>
      <c r="AE36" s="351">
        <v>134.5</v>
      </c>
      <c r="AF36" s="351">
        <v>-38.4</v>
      </c>
      <c r="AG36" s="361">
        <v>53.3</v>
      </c>
      <c r="AH36" s="361">
        <v>-32.1</v>
      </c>
      <c r="AI36" s="351">
        <v>119.6</v>
      </c>
      <c r="AJ36" s="351">
        <v>18.3</v>
      </c>
      <c r="AK36" s="159"/>
    </row>
    <row r="37" spans="1:37" s="326" customFormat="1" ht="15" customHeight="1" x14ac:dyDescent="0.15">
      <c r="A37" s="553"/>
      <c r="B37" s="616"/>
      <c r="C37" s="347"/>
      <c r="D37" s="348" t="s">
        <v>196</v>
      </c>
      <c r="E37" s="349">
        <v>114</v>
      </c>
      <c r="F37" s="350">
        <v>-6.9</v>
      </c>
      <c r="G37" s="349">
        <v>93.3</v>
      </c>
      <c r="H37" s="349">
        <v>-8</v>
      </c>
      <c r="I37" s="349">
        <v>102.8</v>
      </c>
      <c r="J37" s="349">
        <v>-5.9</v>
      </c>
      <c r="K37" s="349">
        <v>76.099999999999994</v>
      </c>
      <c r="L37" s="349">
        <v>-30.6</v>
      </c>
      <c r="M37" s="349">
        <v>122.5</v>
      </c>
      <c r="N37" s="349">
        <v>-3.2</v>
      </c>
      <c r="O37" s="349">
        <v>78.8</v>
      </c>
      <c r="P37" s="349">
        <v>-31.5</v>
      </c>
      <c r="Q37" s="349">
        <v>124.6</v>
      </c>
      <c r="R37" s="349">
        <v>-3.8</v>
      </c>
      <c r="S37" s="349">
        <v>113.4</v>
      </c>
      <c r="T37" s="349">
        <v>24.6</v>
      </c>
      <c r="U37" s="349">
        <v>110</v>
      </c>
      <c r="V37" s="349">
        <v>-22.8</v>
      </c>
      <c r="W37" s="349">
        <v>93.5</v>
      </c>
      <c r="X37" s="349">
        <v>-1.2</v>
      </c>
      <c r="Y37" s="349">
        <v>156.80000000000001</v>
      </c>
      <c r="Z37" s="349">
        <v>-21.6</v>
      </c>
      <c r="AA37" s="349">
        <v>86.3</v>
      </c>
      <c r="AB37" s="349">
        <v>10.5</v>
      </c>
      <c r="AC37" s="349">
        <v>190.7</v>
      </c>
      <c r="AD37" s="349">
        <v>20</v>
      </c>
      <c r="AE37" s="349">
        <v>130.9</v>
      </c>
      <c r="AF37" s="349">
        <v>-21.8</v>
      </c>
      <c r="AG37" s="360">
        <v>72</v>
      </c>
      <c r="AH37" s="360">
        <v>-56.7</v>
      </c>
      <c r="AI37" s="349">
        <v>119.6</v>
      </c>
      <c r="AJ37" s="349">
        <v>11.2</v>
      </c>
      <c r="AK37" s="159"/>
    </row>
    <row r="38" spans="1:37" s="326" customFormat="1" ht="15" customHeight="1" x14ac:dyDescent="0.15">
      <c r="A38" s="553"/>
      <c r="B38" s="616"/>
      <c r="C38" s="347"/>
      <c r="D38" s="348" t="s">
        <v>197</v>
      </c>
      <c r="E38" s="351">
        <v>118.7</v>
      </c>
      <c r="F38" s="352">
        <v>1.6</v>
      </c>
      <c r="G38" s="351">
        <v>97.6</v>
      </c>
      <c r="H38" s="351">
        <v>-4.7</v>
      </c>
      <c r="I38" s="351">
        <v>100</v>
      </c>
      <c r="J38" s="351">
        <v>-3.4</v>
      </c>
      <c r="K38" s="351">
        <v>66.400000000000006</v>
      </c>
      <c r="L38" s="351">
        <v>-30.5</v>
      </c>
      <c r="M38" s="351">
        <v>115.2</v>
      </c>
      <c r="N38" s="351">
        <v>-6</v>
      </c>
      <c r="O38" s="351">
        <v>72.2</v>
      </c>
      <c r="P38" s="351">
        <v>-38.6</v>
      </c>
      <c r="Q38" s="351">
        <v>137.69999999999999</v>
      </c>
      <c r="R38" s="351">
        <v>0</v>
      </c>
      <c r="S38" s="351">
        <v>105.2</v>
      </c>
      <c r="T38" s="351">
        <v>-3.5</v>
      </c>
      <c r="U38" s="351">
        <v>116.3</v>
      </c>
      <c r="V38" s="351">
        <v>-25.6</v>
      </c>
      <c r="W38" s="351">
        <v>80.400000000000006</v>
      </c>
      <c r="X38" s="351">
        <v>-7.5</v>
      </c>
      <c r="Y38" s="351">
        <v>173</v>
      </c>
      <c r="Z38" s="351">
        <v>6.7</v>
      </c>
      <c r="AA38" s="351">
        <v>97.3</v>
      </c>
      <c r="AB38" s="351">
        <v>0</v>
      </c>
      <c r="AC38" s="351">
        <v>271</v>
      </c>
      <c r="AD38" s="351">
        <v>93.3</v>
      </c>
      <c r="AE38" s="351">
        <v>136.4</v>
      </c>
      <c r="AF38" s="351">
        <v>-15.7</v>
      </c>
      <c r="AG38" s="361">
        <v>65.400000000000006</v>
      </c>
      <c r="AH38" s="361">
        <v>-38.6</v>
      </c>
      <c r="AI38" s="351">
        <v>125</v>
      </c>
      <c r="AJ38" s="351">
        <v>40.299999999999997</v>
      </c>
      <c r="AK38" s="159"/>
    </row>
    <row r="39" spans="1:37" s="326" customFormat="1" ht="15" customHeight="1" x14ac:dyDescent="0.15">
      <c r="A39" s="553"/>
      <c r="B39" s="616"/>
      <c r="C39" s="347"/>
      <c r="D39" s="348" t="s">
        <v>198</v>
      </c>
      <c r="E39" s="349">
        <v>111.2</v>
      </c>
      <c r="F39" s="350">
        <v>-8.5</v>
      </c>
      <c r="G39" s="349">
        <v>83.3</v>
      </c>
      <c r="H39" s="349">
        <v>-5.3</v>
      </c>
      <c r="I39" s="349">
        <v>96.5</v>
      </c>
      <c r="J39" s="349">
        <v>2.2000000000000002</v>
      </c>
      <c r="K39" s="349">
        <v>67.900000000000006</v>
      </c>
      <c r="L39" s="349">
        <v>-31.1</v>
      </c>
      <c r="M39" s="349">
        <v>106</v>
      </c>
      <c r="N39" s="349">
        <v>-8.5</v>
      </c>
      <c r="O39" s="349">
        <v>68.400000000000006</v>
      </c>
      <c r="P39" s="349">
        <v>-40.6</v>
      </c>
      <c r="Q39" s="349">
        <v>123</v>
      </c>
      <c r="R39" s="349">
        <v>2.8</v>
      </c>
      <c r="S39" s="349">
        <v>120.9</v>
      </c>
      <c r="T39" s="349">
        <v>20.100000000000001</v>
      </c>
      <c r="U39" s="349">
        <v>106.3</v>
      </c>
      <c r="V39" s="349">
        <v>-18.2</v>
      </c>
      <c r="W39" s="349">
        <v>77.400000000000006</v>
      </c>
      <c r="X39" s="349">
        <v>-8.4</v>
      </c>
      <c r="Y39" s="349">
        <v>173</v>
      </c>
      <c r="Z39" s="349">
        <v>-9.8000000000000007</v>
      </c>
      <c r="AA39" s="349">
        <v>105.5</v>
      </c>
      <c r="AB39" s="349">
        <v>22.2</v>
      </c>
      <c r="AC39" s="349">
        <v>257.89999999999998</v>
      </c>
      <c r="AD39" s="349">
        <v>40.1</v>
      </c>
      <c r="AE39" s="349">
        <v>127.3</v>
      </c>
      <c r="AF39" s="349">
        <v>-44</v>
      </c>
      <c r="AG39" s="360">
        <v>77.599999999999994</v>
      </c>
      <c r="AH39" s="360">
        <v>-43.1</v>
      </c>
      <c r="AI39" s="349">
        <v>106.5</v>
      </c>
      <c r="AJ39" s="349">
        <v>11.3</v>
      </c>
      <c r="AK39" s="159"/>
    </row>
    <row r="40" spans="1:37" s="326" customFormat="1" ht="15" customHeight="1" x14ac:dyDescent="0.15">
      <c r="A40" s="553"/>
      <c r="B40" s="362">
        <v>30</v>
      </c>
      <c r="C40" s="347"/>
      <c r="D40" s="348" t="s">
        <v>199</v>
      </c>
      <c r="E40" s="351">
        <v>113.1</v>
      </c>
      <c r="F40" s="352">
        <v>-0.8</v>
      </c>
      <c r="G40" s="351">
        <v>90</v>
      </c>
      <c r="H40" s="351">
        <v>1.7</v>
      </c>
      <c r="I40" s="351">
        <v>101.4</v>
      </c>
      <c r="J40" s="351">
        <v>0.7</v>
      </c>
      <c r="K40" s="351">
        <v>86.6</v>
      </c>
      <c r="L40" s="351">
        <v>-4.0999999999999996</v>
      </c>
      <c r="M40" s="351">
        <v>106.6</v>
      </c>
      <c r="N40" s="351">
        <v>0</v>
      </c>
      <c r="O40" s="351">
        <v>68.400000000000006</v>
      </c>
      <c r="P40" s="351">
        <v>-38</v>
      </c>
      <c r="Q40" s="351">
        <v>118</v>
      </c>
      <c r="R40" s="351">
        <v>1.4</v>
      </c>
      <c r="S40" s="351">
        <v>96.3</v>
      </c>
      <c r="T40" s="351">
        <v>-3</v>
      </c>
      <c r="U40" s="351">
        <v>108.8</v>
      </c>
      <c r="V40" s="351">
        <v>-7.4</v>
      </c>
      <c r="W40" s="351">
        <v>81.5</v>
      </c>
      <c r="X40" s="351">
        <v>-6.2</v>
      </c>
      <c r="Y40" s="351">
        <v>183.8</v>
      </c>
      <c r="Z40" s="351">
        <v>3</v>
      </c>
      <c r="AA40" s="351">
        <v>93.2</v>
      </c>
      <c r="AB40" s="351">
        <v>9.8000000000000007</v>
      </c>
      <c r="AC40" s="351">
        <v>245.8</v>
      </c>
      <c r="AD40" s="351">
        <v>61.4</v>
      </c>
      <c r="AE40" s="351">
        <v>134.5</v>
      </c>
      <c r="AF40" s="351">
        <v>-18.7</v>
      </c>
      <c r="AG40" s="361">
        <v>72.900000000000006</v>
      </c>
      <c r="AH40" s="361">
        <v>-28.5</v>
      </c>
      <c r="AI40" s="351">
        <v>107.6</v>
      </c>
      <c r="AJ40" s="351">
        <v>1</v>
      </c>
      <c r="AK40" s="159"/>
    </row>
    <row r="41" spans="1:37" s="326" customFormat="1" ht="15" customHeight="1" x14ac:dyDescent="0.15">
      <c r="A41" s="553"/>
      <c r="B41" s="617" t="s">
        <v>163</v>
      </c>
      <c r="C41" s="347"/>
      <c r="D41" s="348" t="s">
        <v>200</v>
      </c>
      <c r="E41" s="349">
        <v>111.2</v>
      </c>
      <c r="F41" s="350">
        <v>-2.5</v>
      </c>
      <c r="G41" s="349">
        <v>96.7</v>
      </c>
      <c r="H41" s="349">
        <v>1</v>
      </c>
      <c r="I41" s="349">
        <v>103.5</v>
      </c>
      <c r="J41" s="349">
        <v>-4.5999999999999996</v>
      </c>
      <c r="K41" s="349">
        <v>88.1</v>
      </c>
      <c r="L41" s="349">
        <v>-2.4</v>
      </c>
      <c r="M41" s="349">
        <v>113.9</v>
      </c>
      <c r="N41" s="349">
        <v>0</v>
      </c>
      <c r="O41" s="349">
        <v>73.099999999999994</v>
      </c>
      <c r="P41" s="349">
        <v>-30.2</v>
      </c>
      <c r="Q41" s="349">
        <v>127.9</v>
      </c>
      <c r="R41" s="349">
        <v>6.9</v>
      </c>
      <c r="S41" s="349">
        <v>96.3</v>
      </c>
      <c r="T41" s="349">
        <v>4.9000000000000004</v>
      </c>
      <c r="U41" s="349">
        <v>146.30000000000001</v>
      </c>
      <c r="V41" s="349">
        <v>18.2</v>
      </c>
      <c r="W41" s="349">
        <v>88.7</v>
      </c>
      <c r="X41" s="349">
        <v>-0.7</v>
      </c>
      <c r="Y41" s="349">
        <v>151.4</v>
      </c>
      <c r="Z41" s="349">
        <v>-12.5</v>
      </c>
      <c r="AA41" s="349">
        <v>102.7</v>
      </c>
      <c r="AB41" s="349">
        <v>21</v>
      </c>
      <c r="AC41" s="349">
        <v>194.4</v>
      </c>
      <c r="AD41" s="349">
        <v>46.5</v>
      </c>
      <c r="AE41" s="349">
        <v>110.9</v>
      </c>
      <c r="AF41" s="349">
        <v>-29.1</v>
      </c>
      <c r="AG41" s="360">
        <v>80.400000000000006</v>
      </c>
      <c r="AH41" s="360">
        <v>-28.9</v>
      </c>
      <c r="AI41" s="349">
        <v>115.2</v>
      </c>
      <c r="AJ41" s="349">
        <v>13.9</v>
      </c>
      <c r="AK41" s="159"/>
    </row>
    <row r="42" spans="1:37" s="326" customFormat="1" ht="15" customHeight="1" x14ac:dyDescent="0.15">
      <c r="A42" s="553"/>
      <c r="B42" s="617"/>
      <c r="C42" s="347"/>
      <c r="D42" s="348" t="s">
        <v>201</v>
      </c>
      <c r="E42" s="351">
        <v>95.3</v>
      </c>
      <c r="F42" s="352">
        <v>-9</v>
      </c>
      <c r="G42" s="351">
        <v>83.7</v>
      </c>
      <c r="H42" s="351">
        <v>-12.1</v>
      </c>
      <c r="I42" s="351">
        <v>95.8</v>
      </c>
      <c r="J42" s="351">
        <v>-4.9000000000000004</v>
      </c>
      <c r="K42" s="351">
        <v>75.400000000000006</v>
      </c>
      <c r="L42" s="351">
        <v>-25.7</v>
      </c>
      <c r="M42" s="351">
        <v>109.9</v>
      </c>
      <c r="N42" s="351">
        <v>1.9</v>
      </c>
      <c r="O42" s="351">
        <v>59.9</v>
      </c>
      <c r="P42" s="351">
        <v>-42.8</v>
      </c>
      <c r="Q42" s="351">
        <v>127.9</v>
      </c>
      <c r="R42" s="351">
        <v>6.9</v>
      </c>
      <c r="S42" s="351">
        <v>88.1</v>
      </c>
      <c r="T42" s="351">
        <v>-0.8</v>
      </c>
      <c r="U42" s="351">
        <v>103.8</v>
      </c>
      <c r="V42" s="351">
        <v>-4.5999999999999996</v>
      </c>
      <c r="W42" s="351">
        <v>74.400000000000006</v>
      </c>
      <c r="X42" s="351">
        <v>-6.1</v>
      </c>
      <c r="Y42" s="351">
        <v>183.8</v>
      </c>
      <c r="Z42" s="351">
        <v>4.5999999999999996</v>
      </c>
      <c r="AA42" s="351">
        <v>123.3</v>
      </c>
      <c r="AB42" s="351">
        <v>4.7</v>
      </c>
      <c r="AC42" s="351">
        <v>94.4</v>
      </c>
      <c r="AD42" s="351">
        <v>71.3</v>
      </c>
      <c r="AE42" s="351">
        <v>105.5</v>
      </c>
      <c r="AF42" s="351">
        <v>-34.799999999999997</v>
      </c>
      <c r="AG42" s="361">
        <v>65.400000000000006</v>
      </c>
      <c r="AH42" s="361">
        <v>-23.1</v>
      </c>
      <c r="AI42" s="351">
        <v>100</v>
      </c>
      <c r="AJ42" s="351">
        <v>3.4</v>
      </c>
      <c r="AK42" s="159"/>
    </row>
    <row r="43" spans="1:37" s="326" customFormat="1" ht="15" customHeight="1" x14ac:dyDescent="0.15">
      <c r="A43" s="553"/>
      <c r="B43" s="617"/>
      <c r="C43" s="347"/>
      <c r="D43" s="348" t="s">
        <v>202</v>
      </c>
      <c r="E43" s="349">
        <v>112.1</v>
      </c>
      <c r="F43" s="350">
        <v>-0.9</v>
      </c>
      <c r="G43" s="349">
        <v>93.3</v>
      </c>
      <c r="H43" s="349">
        <v>2.1</v>
      </c>
      <c r="I43" s="349">
        <v>98.6</v>
      </c>
      <c r="J43" s="349">
        <v>-9.1</v>
      </c>
      <c r="K43" s="349">
        <v>73.900000000000006</v>
      </c>
      <c r="L43" s="349">
        <v>-18.2</v>
      </c>
      <c r="M43" s="349">
        <v>108.6</v>
      </c>
      <c r="N43" s="349">
        <v>-4.0999999999999996</v>
      </c>
      <c r="O43" s="349">
        <v>66.5</v>
      </c>
      <c r="P43" s="349">
        <v>-39</v>
      </c>
      <c r="Q43" s="349">
        <v>124.6</v>
      </c>
      <c r="R43" s="349">
        <v>15.2</v>
      </c>
      <c r="S43" s="349">
        <v>94.8</v>
      </c>
      <c r="T43" s="349">
        <v>18.600000000000001</v>
      </c>
      <c r="U43" s="349">
        <v>112.5</v>
      </c>
      <c r="V43" s="349">
        <v>-5.3</v>
      </c>
      <c r="W43" s="349">
        <v>89.9</v>
      </c>
      <c r="X43" s="349">
        <v>2.7</v>
      </c>
      <c r="Y43" s="349">
        <v>202.7</v>
      </c>
      <c r="Z43" s="349">
        <v>19</v>
      </c>
      <c r="AA43" s="349">
        <v>109.6</v>
      </c>
      <c r="AB43" s="349">
        <v>23.1</v>
      </c>
      <c r="AC43" s="349">
        <v>235.5</v>
      </c>
      <c r="AD43" s="349">
        <v>86.6</v>
      </c>
      <c r="AE43" s="349">
        <v>109.1</v>
      </c>
      <c r="AF43" s="349">
        <v>-35.5</v>
      </c>
      <c r="AG43" s="360">
        <v>68.2</v>
      </c>
      <c r="AH43" s="360">
        <v>-8.8000000000000007</v>
      </c>
      <c r="AI43" s="349">
        <v>120.7</v>
      </c>
      <c r="AJ43" s="349">
        <v>18.100000000000001</v>
      </c>
      <c r="AK43" s="159"/>
    </row>
    <row r="44" spans="1:37" s="326" customFormat="1" ht="15" customHeight="1" x14ac:dyDescent="0.15">
      <c r="A44" s="553"/>
      <c r="B44" s="431"/>
      <c r="C44" s="347"/>
      <c r="D44" s="348" t="s">
        <v>203</v>
      </c>
      <c r="E44" s="351">
        <v>120.6</v>
      </c>
      <c r="F44" s="352">
        <v>4.0999999999999996</v>
      </c>
      <c r="G44" s="351">
        <v>107.7</v>
      </c>
      <c r="H44" s="351">
        <v>9.1999999999999993</v>
      </c>
      <c r="I44" s="351">
        <v>107.7</v>
      </c>
      <c r="J44" s="351">
        <v>1.3</v>
      </c>
      <c r="K44" s="351">
        <v>70.099999999999994</v>
      </c>
      <c r="L44" s="351">
        <v>-24.2</v>
      </c>
      <c r="M44" s="351">
        <v>119.9</v>
      </c>
      <c r="N44" s="351">
        <v>0</v>
      </c>
      <c r="O44" s="351">
        <v>73.599999999999994</v>
      </c>
      <c r="P44" s="351">
        <v>-30.4</v>
      </c>
      <c r="Q44" s="351">
        <v>150.80000000000001</v>
      </c>
      <c r="R44" s="351">
        <v>19.5</v>
      </c>
      <c r="S44" s="351">
        <v>107.5</v>
      </c>
      <c r="T44" s="351">
        <v>13.4</v>
      </c>
      <c r="U44" s="351">
        <v>107.5</v>
      </c>
      <c r="V44" s="351">
        <v>-8.5</v>
      </c>
      <c r="W44" s="351">
        <v>89.9</v>
      </c>
      <c r="X44" s="351">
        <v>0</v>
      </c>
      <c r="Y44" s="351">
        <v>175.7</v>
      </c>
      <c r="Z44" s="351">
        <v>3.2</v>
      </c>
      <c r="AA44" s="351">
        <v>97.3</v>
      </c>
      <c r="AB44" s="351">
        <v>-4</v>
      </c>
      <c r="AC44" s="351">
        <v>246.7</v>
      </c>
      <c r="AD44" s="351">
        <v>44.3</v>
      </c>
      <c r="AE44" s="351">
        <v>118.2</v>
      </c>
      <c r="AF44" s="351">
        <v>-15.6</v>
      </c>
      <c r="AG44" s="361">
        <v>65.400000000000006</v>
      </c>
      <c r="AH44" s="361">
        <v>-37.5</v>
      </c>
      <c r="AI44" s="351">
        <v>117.4</v>
      </c>
      <c r="AJ44" s="351">
        <v>12.6</v>
      </c>
      <c r="AK44" s="159"/>
    </row>
    <row r="45" spans="1:37" s="326" customFormat="1" ht="15" customHeight="1" x14ac:dyDescent="0.15">
      <c r="A45" s="553"/>
      <c r="B45" s="431"/>
      <c r="C45" s="347"/>
      <c r="D45" s="348" t="s">
        <v>204</v>
      </c>
      <c r="E45" s="349">
        <v>118.7</v>
      </c>
      <c r="F45" s="350">
        <v>-1.6</v>
      </c>
      <c r="G45" s="349">
        <v>103.3</v>
      </c>
      <c r="H45" s="349">
        <v>10.7</v>
      </c>
      <c r="I45" s="349">
        <v>109.2</v>
      </c>
      <c r="J45" s="349">
        <v>-5.5</v>
      </c>
      <c r="K45" s="349">
        <v>70.900000000000006</v>
      </c>
      <c r="L45" s="349">
        <v>-21.5</v>
      </c>
      <c r="M45" s="349">
        <v>119.9</v>
      </c>
      <c r="N45" s="349">
        <v>1.7</v>
      </c>
      <c r="O45" s="349">
        <v>74.099999999999994</v>
      </c>
      <c r="P45" s="349">
        <v>-34.299999999999997</v>
      </c>
      <c r="Q45" s="349">
        <v>142.6</v>
      </c>
      <c r="R45" s="349">
        <v>22.5</v>
      </c>
      <c r="S45" s="349">
        <v>105.2</v>
      </c>
      <c r="T45" s="349">
        <v>11.9</v>
      </c>
      <c r="U45" s="349">
        <v>120</v>
      </c>
      <c r="V45" s="349">
        <v>5.4</v>
      </c>
      <c r="W45" s="349">
        <v>92.3</v>
      </c>
      <c r="X45" s="349">
        <v>2.7</v>
      </c>
      <c r="Y45" s="349">
        <v>200</v>
      </c>
      <c r="Z45" s="349">
        <v>13.8</v>
      </c>
      <c r="AA45" s="349">
        <v>112.3</v>
      </c>
      <c r="AB45" s="349">
        <v>2.5</v>
      </c>
      <c r="AC45" s="349">
        <v>209.3</v>
      </c>
      <c r="AD45" s="349">
        <v>21.7</v>
      </c>
      <c r="AE45" s="349">
        <v>121.8</v>
      </c>
      <c r="AF45" s="349">
        <v>-23.9</v>
      </c>
      <c r="AG45" s="360">
        <v>62.6</v>
      </c>
      <c r="AH45" s="360">
        <v>-36.799999999999997</v>
      </c>
      <c r="AI45" s="349">
        <v>121.7</v>
      </c>
      <c r="AJ45" s="349">
        <v>14.3</v>
      </c>
      <c r="AK45" s="159"/>
    </row>
    <row r="46" spans="1:37" s="326" customFormat="1" ht="15" customHeight="1" x14ac:dyDescent="0.15">
      <c r="A46" s="553"/>
      <c r="B46" s="431"/>
      <c r="C46" s="347"/>
      <c r="D46" s="348" t="s">
        <v>205</v>
      </c>
      <c r="E46" s="351">
        <v>114</v>
      </c>
      <c r="F46" s="352">
        <v>-3.2</v>
      </c>
      <c r="G46" s="351">
        <v>74.2</v>
      </c>
      <c r="H46" s="351">
        <v>-28.2</v>
      </c>
      <c r="I46" s="351">
        <v>105.6</v>
      </c>
      <c r="J46" s="351">
        <v>0.7</v>
      </c>
      <c r="K46" s="351">
        <v>88.8</v>
      </c>
      <c r="L46" s="351">
        <v>-2.4</v>
      </c>
      <c r="M46" s="351">
        <v>125.2</v>
      </c>
      <c r="N46" s="351">
        <v>1.6</v>
      </c>
      <c r="O46" s="351">
        <v>78.3</v>
      </c>
      <c r="P46" s="351">
        <v>-31.4</v>
      </c>
      <c r="Q46" s="351">
        <v>136.1</v>
      </c>
      <c r="R46" s="351">
        <v>15.3</v>
      </c>
      <c r="S46" s="351">
        <v>103</v>
      </c>
      <c r="T46" s="351">
        <v>4.5999999999999996</v>
      </c>
      <c r="U46" s="351">
        <v>110</v>
      </c>
      <c r="V46" s="351">
        <v>2.2999999999999998</v>
      </c>
      <c r="W46" s="351">
        <v>90.5</v>
      </c>
      <c r="X46" s="351">
        <v>8.6</v>
      </c>
      <c r="Y46" s="351">
        <v>208.1</v>
      </c>
      <c r="Z46" s="351">
        <v>13.2</v>
      </c>
      <c r="AA46" s="351">
        <v>106.8</v>
      </c>
      <c r="AB46" s="351">
        <v>13</v>
      </c>
      <c r="AC46" s="351">
        <v>191.6</v>
      </c>
      <c r="AD46" s="351">
        <v>58.9</v>
      </c>
      <c r="AE46" s="351">
        <v>112.7</v>
      </c>
      <c r="AF46" s="351">
        <v>-42.6</v>
      </c>
      <c r="AG46" s="361">
        <v>95.3</v>
      </c>
      <c r="AH46" s="361">
        <v>-23.3</v>
      </c>
      <c r="AI46" s="351">
        <v>119.6</v>
      </c>
      <c r="AJ46" s="351">
        <v>13.5</v>
      </c>
      <c r="AK46" s="159"/>
    </row>
    <row r="47" spans="1:37" s="326" customFormat="1" ht="14.25" customHeight="1" x14ac:dyDescent="0.15">
      <c r="A47" s="553"/>
      <c r="B47" s="431"/>
      <c r="C47" s="347"/>
      <c r="D47" s="348"/>
      <c r="E47" s="351"/>
      <c r="F47" s="352"/>
      <c r="G47" s="351"/>
      <c r="H47" s="351"/>
      <c r="I47" s="351"/>
      <c r="J47" s="351"/>
      <c r="K47" s="351"/>
      <c r="L47" s="351"/>
      <c r="M47" s="351"/>
      <c r="N47" s="351"/>
      <c r="O47" s="351"/>
      <c r="P47" s="351"/>
      <c r="Q47" s="351"/>
      <c r="R47" s="351"/>
      <c r="S47" s="351"/>
      <c r="T47" s="351"/>
      <c r="U47" s="351"/>
      <c r="V47" s="351"/>
      <c r="W47" s="351"/>
      <c r="X47" s="351"/>
      <c r="Y47" s="351"/>
      <c r="Z47" s="351"/>
      <c r="AA47" s="351"/>
      <c r="AB47" s="351"/>
      <c r="AC47" s="351"/>
      <c r="AD47" s="351"/>
      <c r="AE47" s="351"/>
      <c r="AF47" s="351"/>
      <c r="AG47" s="361"/>
      <c r="AH47" s="361"/>
      <c r="AI47" s="351"/>
      <c r="AJ47" s="351"/>
      <c r="AK47" s="159"/>
    </row>
    <row r="48" spans="1:37" s="326" customFormat="1" ht="14.25" customHeight="1" x14ac:dyDescent="0.15">
      <c r="A48" s="553"/>
      <c r="B48" s="431"/>
      <c r="C48" s="347" t="s">
        <v>206</v>
      </c>
      <c r="D48" s="348" t="s">
        <v>194</v>
      </c>
      <c r="E48" s="349">
        <v>110.3</v>
      </c>
      <c r="F48" s="350">
        <v>2.6</v>
      </c>
      <c r="G48" s="349">
        <v>89.5</v>
      </c>
      <c r="H48" s="349">
        <v>8.1</v>
      </c>
      <c r="I48" s="349">
        <v>98.6</v>
      </c>
      <c r="J48" s="349">
        <v>4.4000000000000004</v>
      </c>
      <c r="K48" s="349">
        <v>98.5</v>
      </c>
      <c r="L48" s="349">
        <v>4.8</v>
      </c>
      <c r="M48" s="349">
        <v>109.9</v>
      </c>
      <c r="N48" s="349">
        <v>-2.9</v>
      </c>
      <c r="O48" s="349">
        <v>65.099999999999994</v>
      </c>
      <c r="P48" s="349">
        <v>-16.3</v>
      </c>
      <c r="Q48" s="349">
        <v>137.69999999999999</v>
      </c>
      <c r="R48" s="349">
        <v>12</v>
      </c>
      <c r="S48" s="349">
        <v>112.7</v>
      </c>
      <c r="T48" s="349">
        <v>26.9</v>
      </c>
      <c r="U48" s="349">
        <v>121.3</v>
      </c>
      <c r="V48" s="349">
        <v>27.7</v>
      </c>
      <c r="W48" s="349">
        <v>94.6</v>
      </c>
      <c r="X48" s="349">
        <v>12.8</v>
      </c>
      <c r="Y48" s="349">
        <v>167.6</v>
      </c>
      <c r="Z48" s="349">
        <v>0</v>
      </c>
      <c r="AA48" s="349">
        <v>124.7</v>
      </c>
      <c r="AB48" s="349">
        <v>13.8</v>
      </c>
      <c r="AC48" s="349">
        <v>195.3</v>
      </c>
      <c r="AD48" s="349">
        <v>3</v>
      </c>
      <c r="AE48" s="349">
        <v>110.9</v>
      </c>
      <c r="AF48" s="349">
        <v>0</v>
      </c>
      <c r="AG48" s="349">
        <v>105.6</v>
      </c>
      <c r="AH48" s="360">
        <v>5.6</v>
      </c>
      <c r="AI48" s="349">
        <v>110.9</v>
      </c>
      <c r="AJ48" s="349">
        <v>-1.9</v>
      </c>
      <c r="AK48" s="159"/>
    </row>
    <row r="49" spans="1:36" ht="11.25" customHeight="1" thickBot="1" x14ac:dyDescent="0.2">
      <c r="A49" s="553"/>
      <c r="B49" s="433"/>
      <c r="C49" s="363"/>
      <c r="D49" s="364"/>
      <c r="E49" s="434"/>
      <c r="F49" s="435"/>
      <c r="G49" s="434"/>
      <c r="H49" s="434"/>
      <c r="I49" s="434"/>
      <c r="J49" s="434"/>
      <c r="K49" s="434"/>
      <c r="L49" s="434"/>
      <c r="M49" s="434"/>
      <c r="N49" s="434"/>
      <c r="O49" s="434"/>
      <c r="P49" s="434"/>
      <c r="Q49" s="434"/>
      <c r="R49" s="434"/>
      <c r="S49" s="434"/>
      <c r="T49" s="434"/>
      <c r="U49" s="434"/>
      <c r="V49" s="434"/>
      <c r="W49" s="434"/>
      <c r="X49" s="434"/>
      <c r="Y49" s="434"/>
      <c r="Z49" s="434"/>
      <c r="AA49" s="434"/>
      <c r="AB49" s="434"/>
      <c r="AC49" s="434"/>
      <c r="AD49" s="434"/>
      <c r="AE49" s="434"/>
      <c r="AF49" s="434"/>
      <c r="AG49" s="434"/>
      <c r="AH49" s="434"/>
      <c r="AI49" s="434"/>
      <c r="AJ49" s="434"/>
    </row>
    <row r="50" spans="1:36" ht="14.1" customHeight="1" x14ac:dyDescent="0.15">
      <c r="A50" s="553"/>
      <c r="C50" s="611" t="s">
        <v>207</v>
      </c>
      <c r="D50" s="612"/>
      <c r="E50" s="612"/>
      <c r="F50" s="612"/>
      <c r="G50" s="612"/>
      <c r="H50" s="612"/>
      <c r="I50" s="612"/>
      <c r="J50" s="612"/>
      <c r="K50" s="612"/>
      <c r="L50" s="612"/>
      <c r="M50" s="613"/>
      <c r="N50" s="613"/>
      <c r="O50" s="613"/>
      <c r="P50" s="613"/>
      <c r="Q50" s="613"/>
      <c r="R50" s="613"/>
      <c r="S50" s="613"/>
      <c r="T50" s="613"/>
      <c r="U50" s="613"/>
      <c r="V50" s="613"/>
      <c r="W50" s="613"/>
      <c r="X50" s="613"/>
      <c r="Y50" s="613"/>
      <c r="Z50" s="613"/>
      <c r="AA50" s="613"/>
      <c r="AB50" s="613"/>
      <c r="AC50" s="613"/>
      <c r="AD50" s="613"/>
      <c r="AE50" s="613"/>
      <c r="AF50" s="613"/>
    </row>
  </sheetData>
  <protectedRanges>
    <protectedRange sqref="AI26:AJ26" name="範囲1_1_3_1"/>
    <protectedRange sqref="AI47:AJ47" name="範囲1_1_3_2"/>
  </protectedRanges>
  <mergeCells count="54">
    <mergeCell ref="AG6:AH6"/>
    <mergeCell ref="AI6:AJ6"/>
    <mergeCell ref="B8:B28"/>
    <mergeCell ref="B35:B39"/>
    <mergeCell ref="B41:B43"/>
    <mergeCell ref="C50:AF50"/>
    <mergeCell ref="U6:V6"/>
    <mergeCell ref="W6:X6"/>
    <mergeCell ref="Y6:Z6"/>
    <mergeCell ref="AA6:AB6"/>
    <mergeCell ref="AC6:AD6"/>
    <mergeCell ref="AE6:AF6"/>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AA4:AB4"/>
    <mergeCell ref="AC4:AD4"/>
    <mergeCell ref="AE4:AF4"/>
    <mergeCell ref="AG4:AH4"/>
    <mergeCell ref="AI4:AJ4"/>
    <mergeCell ref="K5:L5"/>
    <mergeCell ref="M5:N5"/>
    <mergeCell ref="O5:P5"/>
    <mergeCell ref="Q5:R5"/>
    <mergeCell ref="S5:T5"/>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s>
  <phoneticPr fontId="3"/>
  <printOptions horizontalCentered="1"/>
  <pageMargins left="0.59055118110236227" right="0.59055118110236227" top="0.39370078740157483" bottom="0.59055118110236227" header="0" footer="0.19685039370078741"/>
  <pageSetup paperSize="9" scale="72" orientation="landscape" errors="blank" r:id="rId1"/>
  <headerFooter alignWithMargins="0"/>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0D294F1-6BC4-4661-B531-0757E326AD2B}">
  <sheetPr codeName="Sheet23">
    <tabColor indexed="52"/>
    <pageSetUpPr fitToPage="1"/>
  </sheetPr>
  <dimension ref="A1:AK50"/>
  <sheetViews>
    <sheetView view="pageBreakPreview" topLeftCell="A19" zoomScaleNormal="100" zoomScaleSheetLayoutView="100" workbookViewId="0">
      <selection sqref="A1:A50"/>
    </sheetView>
  </sheetViews>
  <sheetFormatPr defaultRowHeight="13.5" x14ac:dyDescent="0.15"/>
  <cols>
    <col min="1" max="1" width="4.375" style="1" customWidth="1"/>
    <col min="2" max="2" width="2.5" style="28" customWidth="1"/>
    <col min="3" max="3" width="6.625" style="28" customWidth="1"/>
    <col min="4" max="4" width="3.875" style="28" customWidth="1"/>
    <col min="5" max="33" width="4.875" style="28" customWidth="1"/>
    <col min="34" max="34" width="5.125" style="28" bestFit="1" customWidth="1"/>
    <col min="35" max="36" width="4.875" style="28" customWidth="1"/>
    <col min="37" max="37" width="9" style="28"/>
    <col min="38" max="16384" width="9" style="3"/>
  </cols>
  <sheetData>
    <row r="1" spans="1:37" ht="18.75" customHeight="1" x14ac:dyDescent="0.15">
      <c r="A1" s="553" t="s">
        <v>221</v>
      </c>
      <c r="B1" s="457" t="s">
        <v>222</v>
      </c>
      <c r="C1" s="3"/>
      <c r="D1" s="453"/>
      <c r="E1" s="453"/>
      <c r="F1" s="453"/>
      <c r="G1" s="453"/>
      <c r="H1" s="453"/>
      <c r="I1" s="453"/>
      <c r="J1" s="453"/>
      <c r="K1" s="453"/>
      <c r="L1" s="453"/>
      <c r="M1" s="322"/>
      <c r="N1" s="322"/>
      <c r="O1" s="322"/>
      <c r="P1" s="322"/>
      <c r="Q1" s="322"/>
      <c r="R1" s="322"/>
      <c r="S1" s="322"/>
      <c r="T1" s="322"/>
      <c r="U1" s="322"/>
      <c r="V1" s="322"/>
      <c r="W1" s="322"/>
      <c r="X1" s="322"/>
      <c r="Y1" s="322"/>
      <c r="Z1" s="322"/>
      <c r="AA1" s="322"/>
      <c r="AB1" s="322"/>
      <c r="AC1" s="322"/>
      <c r="AD1" s="322"/>
      <c r="AE1" s="322"/>
      <c r="AF1" s="555" t="s">
        <v>165</v>
      </c>
      <c r="AG1" s="555"/>
      <c r="AH1" s="555"/>
      <c r="AI1" s="555"/>
      <c r="AJ1" s="555"/>
    </row>
    <row r="2" spans="1:37" s="326" customFormat="1" ht="3.75" customHeight="1" thickBot="1" x14ac:dyDescent="0.2">
      <c r="A2" s="553"/>
      <c r="B2" s="157"/>
      <c r="C2" s="324"/>
      <c r="D2" s="324"/>
      <c r="E2" s="324"/>
      <c r="F2" s="324"/>
      <c r="G2" s="314"/>
      <c r="H2" s="587"/>
      <c r="I2" s="587"/>
      <c r="J2" s="587"/>
      <c r="K2" s="587"/>
      <c r="L2" s="587"/>
      <c r="M2" s="324"/>
      <c r="N2" s="324"/>
      <c r="O2" s="324"/>
      <c r="P2" s="587"/>
      <c r="Q2" s="587"/>
      <c r="R2" s="587"/>
      <c r="S2" s="587"/>
      <c r="T2" s="587"/>
      <c r="U2" s="324"/>
      <c r="V2" s="324"/>
      <c r="W2" s="324"/>
      <c r="X2" s="324"/>
      <c r="Y2" s="324"/>
      <c r="Z2" s="159"/>
      <c r="AA2" s="159"/>
      <c r="AB2" s="159"/>
      <c r="AC2" s="159"/>
      <c r="AD2" s="159"/>
      <c r="AE2" s="159"/>
      <c r="AF2" s="325"/>
      <c r="AG2" s="325"/>
      <c r="AH2" s="325"/>
      <c r="AI2" s="325"/>
      <c r="AJ2" s="325"/>
      <c r="AK2" s="159"/>
    </row>
    <row r="3" spans="1:37" s="326" customFormat="1" ht="6" customHeight="1" x14ac:dyDescent="0.15">
      <c r="A3" s="553"/>
      <c r="B3" s="327"/>
      <c r="C3" s="591"/>
      <c r="D3" s="592"/>
      <c r="E3" s="328"/>
      <c r="F3" s="329"/>
      <c r="G3" s="330"/>
      <c r="H3" s="331"/>
      <c r="I3" s="328"/>
      <c r="J3" s="331"/>
      <c r="K3" s="328"/>
      <c r="L3" s="331"/>
      <c r="M3" s="328"/>
      <c r="N3" s="331"/>
      <c r="O3" s="328"/>
      <c r="P3" s="331"/>
      <c r="Q3" s="328"/>
      <c r="R3" s="331"/>
      <c r="S3" s="328"/>
      <c r="T3" s="330"/>
      <c r="U3" s="328"/>
      <c r="V3" s="331"/>
      <c r="W3" s="328"/>
      <c r="X3" s="331"/>
      <c r="Y3" s="328"/>
      <c r="Z3" s="331"/>
      <c r="AA3" s="328"/>
      <c r="AB3" s="331"/>
      <c r="AC3" s="328"/>
      <c r="AD3" s="330"/>
      <c r="AE3" s="328"/>
      <c r="AF3" s="331"/>
      <c r="AG3" s="328"/>
      <c r="AH3" s="331"/>
      <c r="AI3" s="328"/>
      <c r="AJ3" s="330"/>
      <c r="AK3" s="159"/>
    </row>
    <row r="4" spans="1:37" s="326" customFormat="1" ht="12" customHeight="1" x14ac:dyDescent="0.15">
      <c r="A4" s="553"/>
      <c r="B4" s="157"/>
      <c r="C4" s="593"/>
      <c r="D4" s="594"/>
      <c r="E4" s="589" t="s">
        <v>78</v>
      </c>
      <c r="F4" s="597"/>
      <c r="G4" s="598" t="s">
        <v>79</v>
      </c>
      <c r="H4" s="599"/>
      <c r="I4" s="589" t="s">
        <v>80</v>
      </c>
      <c r="J4" s="599"/>
      <c r="K4" s="589" t="s">
        <v>166</v>
      </c>
      <c r="L4" s="599"/>
      <c r="M4" s="589" t="s">
        <v>82</v>
      </c>
      <c r="N4" s="600"/>
      <c r="O4" s="589" t="s">
        <v>167</v>
      </c>
      <c r="P4" s="600"/>
      <c r="Q4" s="589" t="s">
        <v>168</v>
      </c>
      <c r="R4" s="600"/>
      <c r="S4" s="589" t="s">
        <v>169</v>
      </c>
      <c r="T4" s="600"/>
      <c r="U4" s="589" t="s">
        <v>170</v>
      </c>
      <c r="V4" s="600"/>
      <c r="W4" s="601" t="s">
        <v>171</v>
      </c>
      <c r="X4" s="602"/>
      <c r="Y4" s="589" t="s">
        <v>172</v>
      </c>
      <c r="Z4" s="590"/>
      <c r="AA4" s="601" t="s">
        <v>173</v>
      </c>
      <c r="AB4" s="602"/>
      <c r="AC4" s="589" t="s">
        <v>174</v>
      </c>
      <c r="AD4" s="590"/>
      <c r="AE4" s="589" t="s">
        <v>91</v>
      </c>
      <c r="AF4" s="590"/>
      <c r="AG4" s="589" t="s">
        <v>175</v>
      </c>
      <c r="AH4" s="590"/>
      <c r="AI4" s="589" t="s">
        <v>93</v>
      </c>
      <c r="AJ4" s="605"/>
      <c r="AK4" s="159"/>
    </row>
    <row r="5" spans="1:37" s="326" customFormat="1" ht="12" customHeight="1" x14ac:dyDescent="0.15">
      <c r="A5" s="553"/>
      <c r="B5" s="157"/>
      <c r="C5" s="593"/>
      <c r="D5" s="594"/>
      <c r="E5" s="332"/>
      <c r="F5" s="333"/>
      <c r="G5" s="334"/>
      <c r="H5" s="335"/>
      <c r="I5" s="332"/>
      <c r="J5" s="335"/>
      <c r="K5" s="601" t="s">
        <v>176</v>
      </c>
      <c r="L5" s="602"/>
      <c r="M5" s="603"/>
      <c r="N5" s="600"/>
      <c r="O5" s="604" t="s">
        <v>177</v>
      </c>
      <c r="P5" s="600"/>
      <c r="Q5" s="589" t="s">
        <v>178</v>
      </c>
      <c r="R5" s="600"/>
      <c r="S5" s="589" t="s">
        <v>179</v>
      </c>
      <c r="T5" s="600"/>
      <c r="U5" s="589" t="s">
        <v>180</v>
      </c>
      <c r="V5" s="600"/>
      <c r="W5" s="601" t="s">
        <v>181</v>
      </c>
      <c r="X5" s="602"/>
      <c r="Y5" s="601" t="s">
        <v>182</v>
      </c>
      <c r="Z5" s="602"/>
      <c r="AA5" s="589" t="s">
        <v>183</v>
      </c>
      <c r="AB5" s="600"/>
      <c r="AC5" s="589" t="s">
        <v>184</v>
      </c>
      <c r="AD5" s="590"/>
      <c r="AE5" s="589"/>
      <c r="AF5" s="600"/>
      <c r="AG5" s="589" t="s">
        <v>185</v>
      </c>
      <c r="AH5" s="600"/>
      <c r="AI5" s="589"/>
      <c r="AJ5" s="606"/>
      <c r="AK5" s="159"/>
    </row>
    <row r="6" spans="1:37" s="337" customFormat="1" ht="15" customHeight="1" x14ac:dyDescent="0.15">
      <c r="A6" s="553"/>
      <c r="B6" s="336"/>
      <c r="C6" s="593"/>
      <c r="D6" s="594"/>
      <c r="E6" s="607" t="s">
        <v>186</v>
      </c>
      <c r="F6" s="608"/>
      <c r="G6" s="609" t="s">
        <v>186</v>
      </c>
      <c r="H6" s="610"/>
      <c r="I6" s="607" t="s">
        <v>186</v>
      </c>
      <c r="J6" s="610"/>
      <c r="K6" s="607" t="s">
        <v>186</v>
      </c>
      <c r="L6" s="610"/>
      <c r="M6" s="607" t="s">
        <v>186</v>
      </c>
      <c r="N6" s="610"/>
      <c r="O6" s="607" t="s">
        <v>186</v>
      </c>
      <c r="P6" s="610"/>
      <c r="Q6" s="607" t="s">
        <v>186</v>
      </c>
      <c r="R6" s="610"/>
      <c r="S6" s="607" t="s">
        <v>186</v>
      </c>
      <c r="T6" s="610"/>
      <c r="U6" s="607" t="s">
        <v>186</v>
      </c>
      <c r="V6" s="610"/>
      <c r="W6" s="607" t="s">
        <v>186</v>
      </c>
      <c r="X6" s="610"/>
      <c r="Y6" s="607" t="s">
        <v>186</v>
      </c>
      <c r="Z6" s="610"/>
      <c r="AA6" s="607" t="s">
        <v>186</v>
      </c>
      <c r="AB6" s="610"/>
      <c r="AC6" s="607" t="s">
        <v>186</v>
      </c>
      <c r="AD6" s="610"/>
      <c r="AE6" s="607" t="s">
        <v>186</v>
      </c>
      <c r="AF6" s="610"/>
      <c r="AG6" s="607" t="s">
        <v>186</v>
      </c>
      <c r="AH6" s="610"/>
      <c r="AI6" s="607" t="s">
        <v>186</v>
      </c>
      <c r="AJ6" s="609"/>
      <c r="AK6" s="324"/>
    </row>
    <row r="7" spans="1:37" s="326" customFormat="1" ht="7.5" customHeight="1" x14ac:dyDescent="0.15">
      <c r="A7" s="553"/>
      <c r="B7" s="338"/>
      <c r="C7" s="595"/>
      <c r="D7" s="596"/>
      <c r="E7" s="339"/>
      <c r="F7" s="340" t="s">
        <v>142</v>
      </c>
      <c r="G7" s="341"/>
      <c r="H7" s="342" t="s">
        <v>142</v>
      </c>
      <c r="I7" s="339"/>
      <c r="J7" s="342" t="s">
        <v>142</v>
      </c>
      <c r="K7" s="339"/>
      <c r="L7" s="342" t="s">
        <v>142</v>
      </c>
      <c r="M7" s="339"/>
      <c r="N7" s="342" t="s">
        <v>142</v>
      </c>
      <c r="O7" s="339"/>
      <c r="P7" s="342" t="s">
        <v>142</v>
      </c>
      <c r="Q7" s="339"/>
      <c r="R7" s="342" t="s">
        <v>142</v>
      </c>
      <c r="S7" s="339"/>
      <c r="T7" s="342" t="s">
        <v>142</v>
      </c>
      <c r="U7" s="339"/>
      <c r="V7" s="342" t="s">
        <v>142</v>
      </c>
      <c r="W7" s="339"/>
      <c r="X7" s="342" t="s">
        <v>142</v>
      </c>
      <c r="Y7" s="339"/>
      <c r="Z7" s="342" t="s">
        <v>142</v>
      </c>
      <c r="AA7" s="339"/>
      <c r="AB7" s="342" t="s">
        <v>142</v>
      </c>
      <c r="AC7" s="339"/>
      <c r="AD7" s="342" t="s">
        <v>142</v>
      </c>
      <c r="AE7" s="339"/>
      <c r="AF7" s="342" t="s">
        <v>142</v>
      </c>
      <c r="AG7" s="339"/>
      <c r="AH7" s="342" t="s">
        <v>142</v>
      </c>
      <c r="AI7" s="339"/>
      <c r="AJ7" s="259" t="s">
        <v>142</v>
      </c>
      <c r="AK7" s="159"/>
    </row>
    <row r="8" spans="1:37" s="326" customFormat="1" ht="11.25" customHeight="1" x14ac:dyDescent="0.15">
      <c r="A8" s="553"/>
      <c r="B8" s="614" t="s">
        <v>187</v>
      </c>
      <c r="C8" s="343"/>
      <c r="D8" s="430"/>
      <c r="E8" s="264"/>
      <c r="F8" s="265"/>
      <c r="G8" s="264"/>
      <c r="H8" s="264"/>
      <c r="I8" s="264"/>
      <c r="J8" s="264"/>
      <c r="K8" s="264"/>
      <c r="L8" s="264"/>
      <c r="M8" s="264"/>
      <c r="N8" s="264"/>
      <c r="O8" s="264"/>
      <c r="P8" s="264"/>
      <c r="Q8" s="264"/>
      <c r="R8" s="264"/>
      <c r="S8" s="264"/>
      <c r="T8" s="264"/>
      <c r="U8" s="264"/>
      <c r="V8" s="264"/>
      <c r="W8" s="264"/>
      <c r="X8" s="264"/>
      <c r="Y8" s="264"/>
      <c r="Z8" s="264"/>
      <c r="AA8" s="264"/>
      <c r="AB8" s="264"/>
      <c r="AC8" s="264"/>
      <c r="AD8" s="264"/>
      <c r="AE8" s="264"/>
      <c r="AF8" s="264"/>
      <c r="AG8" s="264"/>
      <c r="AH8" s="264"/>
      <c r="AI8" s="264"/>
      <c r="AJ8" s="264"/>
      <c r="AK8" s="159"/>
    </row>
    <row r="9" spans="1:37" s="326" customFormat="1" ht="14.25" customHeight="1" x14ac:dyDescent="0.15">
      <c r="A9" s="553"/>
      <c r="B9" s="615"/>
      <c r="C9" s="347" t="s">
        <v>188</v>
      </c>
      <c r="D9" s="348" t="s">
        <v>189</v>
      </c>
      <c r="E9" s="349">
        <v>100.1</v>
      </c>
      <c r="F9" s="350">
        <v>1.1000000000000001</v>
      </c>
      <c r="G9" s="349">
        <v>101.8</v>
      </c>
      <c r="H9" s="349">
        <v>4.8</v>
      </c>
      <c r="I9" s="349">
        <v>101.4</v>
      </c>
      <c r="J9" s="349">
        <v>3.4</v>
      </c>
      <c r="K9" s="349">
        <v>95.2</v>
      </c>
      <c r="L9" s="349">
        <v>-3.5</v>
      </c>
      <c r="M9" s="349">
        <v>86.9</v>
      </c>
      <c r="N9" s="349">
        <v>-10.6</v>
      </c>
      <c r="O9" s="349">
        <v>94.8</v>
      </c>
      <c r="P9" s="349">
        <v>-4.2</v>
      </c>
      <c r="Q9" s="349">
        <v>101.5</v>
      </c>
      <c r="R9" s="349">
        <v>-0.4</v>
      </c>
      <c r="S9" s="349">
        <v>95.9</v>
      </c>
      <c r="T9" s="349">
        <v>-3.3</v>
      </c>
      <c r="U9" s="349">
        <v>98.9</v>
      </c>
      <c r="V9" s="349">
        <v>-2.2000000000000002</v>
      </c>
      <c r="W9" s="349">
        <v>101.8</v>
      </c>
      <c r="X9" s="349">
        <v>2.5</v>
      </c>
      <c r="Y9" s="349">
        <v>94.3</v>
      </c>
      <c r="Z9" s="349">
        <v>1.7</v>
      </c>
      <c r="AA9" s="349">
        <v>97.7</v>
      </c>
      <c r="AB9" s="349">
        <v>5.9</v>
      </c>
      <c r="AC9" s="349">
        <v>102.1</v>
      </c>
      <c r="AD9" s="349">
        <v>-0.6</v>
      </c>
      <c r="AE9" s="349">
        <v>102.8</v>
      </c>
      <c r="AF9" s="349">
        <v>3.8</v>
      </c>
      <c r="AG9" s="349">
        <v>93.1</v>
      </c>
      <c r="AH9" s="349">
        <v>-3.5</v>
      </c>
      <c r="AI9" s="349">
        <v>102.8</v>
      </c>
      <c r="AJ9" s="349">
        <v>1.6</v>
      </c>
      <c r="AK9" s="159"/>
    </row>
    <row r="10" spans="1:37" s="326" customFormat="1" ht="14.25" customHeight="1" x14ac:dyDescent="0.15">
      <c r="A10" s="553"/>
      <c r="B10" s="615"/>
      <c r="C10" s="347" t="s">
        <v>188</v>
      </c>
      <c r="D10" s="348" t="s">
        <v>190</v>
      </c>
      <c r="E10" s="351">
        <v>100.8</v>
      </c>
      <c r="F10" s="352">
        <v>0.8</v>
      </c>
      <c r="G10" s="351">
        <v>102.5</v>
      </c>
      <c r="H10" s="351">
        <v>0.7</v>
      </c>
      <c r="I10" s="351">
        <v>99.5</v>
      </c>
      <c r="J10" s="351">
        <v>-1.9</v>
      </c>
      <c r="K10" s="351">
        <v>95.7</v>
      </c>
      <c r="L10" s="351">
        <v>0.6</v>
      </c>
      <c r="M10" s="351">
        <v>86.2</v>
      </c>
      <c r="N10" s="351">
        <v>-0.7</v>
      </c>
      <c r="O10" s="351">
        <v>91.4</v>
      </c>
      <c r="P10" s="351">
        <v>-3.6</v>
      </c>
      <c r="Q10" s="351">
        <v>100.9</v>
      </c>
      <c r="R10" s="351">
        <v>-0.7</v>
      </c>
      <c r="S10" s="351">
        <v>87</v>
      </c>
      <c r="T10" s="351">
        <v>-9.1999999999999993</v>
      </c>
      <c r="U10" s="351">
        <v>98.2</v>
      </c>
      <c r="V10" s="351">
        <v>-0.8</v>
      </c>
      <c r="W10" s="351">
        <v>102</v>
      </c>
      <c r="X10" s="351">
        <v>0.2</v>
      </c>
      <c r="Y10" s="351">
        <v>99.8</v>
      </c>
      <c r="Z10" s="351">
        <v>5.8</v>
      </c>
      <c r="AA10" s="351">
        <v>100.3</v>
      </c>
      <c r="AB10" s="351">
        <v>2.5</v>
      </c>
      <c r="AC10" s="351">
        <v>104</v>
      </c>
      <c r="AD10" s="351">
        <v>1.9</v>
      </c>
      <c r="AE10" s="351">
        <v>107.3</v>
      </c>
      <c r="AF10" s="351">
        <v>4.3</v>
      </c>
      <c r="AG10" s="351">
        <v>89.3</v>
      </c>
      <c r="AH10" s="351">
        <v>-4.2</v>
      </c>
      <c r="AI10" s="351">
        <v>103.8</v>
      </c>
      <c r="AJ10" s="351">
        <v>1</v>
      </c>
      <c r="AK10" s="159"/>
    </row>
    <row r="11" spans="1:37" s="326" customFormat="1" ht="14.25" customHeight="1" x14ac:dyDescent="0.15">
      <c r="A11" s="553"/>
      <c r="B11" s="615"/>
      <c r="C11" s="347" t="s">
        <v>188</v>
      </c>
      <c r="D11" s="348" t="s">
        <v>191</v>
      </c>
      <c r="E11" s="349">
        <v>102</v>
      </c>
      <c r="F11" s="350">
        <v>1.2</v>
      </c>
      <c r="G11" s="349">
        <v>105.1</v>
      </c>
      <c r="H11" s="349">
        <v>2.5</v>
      </c>
      <c r="I11" s="349">
        <v>100.9</v>
      </c>
      <c r="J11" s="349">
        <v>1.4</v>
      </c>
      <c r="K11" s="349">
        <v>98.6</v>
      </c>
      <c r="L11" s="349">
        <v>3</v>
      </c>
      <c r="M11" s="349">
        <v>86.6</v>
      </c>
      <c r="N11" s="349">
        <v>0.5</v>
      </c>
      <c r="O11" s="349">
        <v>89.9</v>
      </c>
      <c r="P11" s="349">
        <v>-1.6</v>
      </c>
      <c r="Q11" s="349">
        <v>100.5</v>
      </c>
      <c r="R11" s="349">
        <v>-0.4</v>
      </c>
      <c r="S11" s="349">
        <v>82.2</v>
      </c>
      <c r="T11" s="349">
        <v>-5.5</v>
      </c>
      <c r="U11" s="349">
        <v>94.8</v>
      </c>
      <c r="V11" s="349">
        <v>-3.5</v>
      </c>
      <c r="W11" s="349">
        <v>101.6</v>
      </c>
      <c r="X11" s="349">
        <v>-0.4</v>
      </c>
      <c r="Y11" s="349">
        <v>102.4</v>
      </c>
      <c r="Z11" s="349">
        <v>2.6</v>
      </c>
      <c r="AA11" s="349">
        <v>113.3</v>
      </c>
      <c r="AB11" s="349">
        <v>13</v>
      </c>
      <c r="AC11" s="349">
        <v>107</v>
      </c>
      <c r="AD11" s="349">
        <v>2.9</v>
      </c>
      <c r="AE11" s="349">
        <v>109</v>
      </c>
      <c r="AF11" s="349">
        <v>1.6</v>
      </c>
      <c r="AG11" s="349">
        <v>83</v>
      </c>
      <c r="AH11" s="349">
        <v>-7.1</v>
      </c>
      <c r="AI11" s="349">
        <v>104.5</v>
      </c>
      <c r="AJ11" s="349">
        <v>0.7</v>
      </c>
      <c r="AK11" s="159"/>
    </row>
    <row r="12" spans="1:37" s="326" customFormat="1" ht="14.25" customHeight="1" x14ac:dyDescent="0.15">
      <c r="A12" s="553"/>
      <c r="B12" s="615"/>
      <c r="C12" s="347" t="s">
        <v>188</v>
      </c>
      <c r="D12" s="348" t="s">
        <v>192</v>
      </c>
      <c r="E12" s="351">
        <v>102.7</v>
      </c>
      <c r="F12" s="352">
        <v>0.7</v>
      </c>
      <c r="G12" s="351">
        <v>109.8</v>
      </c>
      <c r="H12" s="351">
        <v>4.5</v>
      </c>
      <c r="I12" s="351">
        <v>98.9</v>
      </c>
      <c r="J12" s="351">
        <v>-2</v>
      </c>
      <c r="K12" s="351">
        <v>94.7</v>
      </c>
      <c r="L12" s="351">
        <v>-4</v>
      </c>
      <c r="M12" s="351">
        <v>87</v>
      </c>
      <c r="N12" s="351">
        <v>0.5</v>
      </c>
      <c r="O12" s="351">
        <v>90.2</v>
      </c>
      <c r="P12" s="351">
        <v>0.3</v>
      </c>
      <c r="Q12" s="351">
        <v>99.7</v>
      </c>
      <c r="R12" s="351">
        <v>-0.8</v>
      </c>
      <c r="S12" s="351">
        <v>80</v>
      </c>
      <c r="T12" s="351">
        <v>-2.7</v>
      </c>
      <c r="U12" s="351">
        <v>96.8</v>
      </c>
      <c r="V12" s="351">
        <v>2.1</v>
      </c>
      <c r="W12" s="351">
        <v>102</v>
      </c>
      <c r="X12" s="351">
        <v>0.4</v>
      </c>
      <c r="Y12" s="351">
        <v>105.9</v>
      </c>
      <c r="Z12" s="351">
        <v>3.4</v>
      </c>
      <c r="AA12" s="351">
        <v>116.9</v>
      </c>
      <c r="AB12" s="351">
        <v>3.2</v>
      </c>
      <c r="AC12" s="351">
        <v>110.5</v>
      </c>
      <c r="AD12" s="351">
        <v>3.3</v>
      </c>
      <c r="AE12" s="351">
        <v>108.7</v>
      </c>
      <c r="AF12" s="351">
        <v>-0.3</v>
      </c>
      <c r="AG12" s="351">
        <v>83.4</v>
      </c>
      <c r="AH12" s="351">
        <v>0.5</v>
      </c>
      <c r="AI12" s="351">
        <v>107.4</v>
      </c>
      <c r="AJ12" s="351">
        <v>2.8</v>
      </c>
      <c r="AK12" s="159"/>
    </row>
    <row r="13" spans="1:37" s="326" customFormat="1" ht="14.25" customHeight="1" x14ac:dyDescent="0.15">
      <c r="A13" s="553"/>
      <c r="B13" s="615"/>
      <c r="C13" s="347"/>
      <c r="D13" s="348"/>
      <c r="E13" s="351"/>
      <c r="F13" s="352"/>
      <c r="G13" s="351"/>
      <c r="H13" s="351"/>
      <c r="I13" s="351"/>
      <c r="J13" s="351"/>
      <c r="K13" s="351"/>
      <c r="L13" s="351"/>
      <c r="M13" s="351"/>
      <c r="N13" s="351"/>
      <c r="O13" s="351"/>
      <c r="P13" s="351"/>
      <c r="Q13" s="351"/>
      <c r="R13" s="351"/>
      <c r="S13" s="351"/>
      <c r="T13" s="351"/>
      <c r="U13" s="351"/>
      <c r="V13" s="351"/>
      <c r="W13" s="351"/>
      <c r="X13" s="351"/>
      <c r="Y13" s="351"/>
      <c r="Z13" s="351"/>
      <c r="AA13" s="351"/>
      <c r="AB13" s="351"/>
      <c r="AC13" s="351"/>
      <c r="AD13" s="351"/>
      <c r="AE13" s="351"/>
      <c r="AF13" s="351"/>
      <c r="AG13" s="351"/>
      <c r="AH13" s="351"/>
      <c r="AI13" s="351"/>
      <c r="AJ13" s="351"/>
      <c r="AK13" s="159"/>
    </row>
    <row r="14" spans="1:37" s="326" customFormat="1" ht="15" customHeight="1" x14ac:dyDescent="0.15">
      <c r="A14" s="553"/>
      <c r="B14" s="615"/>
      <c r="C14" s="347" t="s">
        <v>193</v>
      </c>
      <c r="D14" s="348" t="s">
        <v>194</v>
      </c>
      <c r="E14" s="349">
        <v>102.1</v>
      </c>
      <c r="F14" s="350">
        <v>0.9</v>
      </c>
      <c r="G14" s="349">
        <v>105.4</v>
      </c>
      <c r="H14" s="349">
        <v>1.8</v>
      </c>
      <c r="I14" s="349">
        <v>98.9</v>
      </c>
      <c r="J14" s="349">
        <v>-1.3</v>
      </c>
      <c r="K14" s="349">
        <v>99</v>
      </c>
      <c r="L14" s="349">
        <v>1.1000000000000001</v>
      </c>
      <c r="M14" s="349">
        <v>85.6</v>
      </c>
      <c r="N14" s="349">
        <v>-0.5</v>
      </c>
      <c r="O14" s="349">
        <v>91</v>
      </c>
      <c r="P14" s="349">
        <v>1.7</v>
      </c>
      <c r="Q14" s="349">
        <v>100.6</v>
      </c>
      <c r="R14" s="349">
        <v>0.2</v>
      </c>
      <c r="S14" s="349">
        <v>79.900000000000006</v>
      </c>
      <c r="T14" s="349">
        <v>-3.3</v>
      </c>
      <c r="U14" s="349">
        <v>93.9</v>
      </c>
      <c r="V14" s="349">
        <v>-4.5</v>
      </c>
      <c r="W14" s="349">
        <v>101.6</v>
      </c>
      <c r="X14" s="349">
        <v>0.4</v>
      </c>
      <c r="Y14" s="349">
        <v>103.8</v>
      </c>
      <c r="Z14" s="349">
        <v>0.1</v>
      </c>
      <c r="AA14" s="349">
        <v>116.5</v>
      </c>
      <c r="AB14" s="349">
        <v>9</v>
      </c>
      <c r="AC14" s="349">
        <v>108.5</v>
      </c>
      <c r="AD14" s="349">
        <v>1.5</v>
      </c>
      <c r="AE14" s="349">
        <v>108.8</v>
      </c>
      <c r="AF14" s="349">
        <v>1.3</v>
      </c>
      <c r="AG14" s="349">
        <v>87.5</v>
      </c>
      <c r="AH14" s="349">
        <v>48.1</v>
      </c>
      <c r="AI14" s="349">
        <v>105.2</v>
      </c>
      <c r="AJ14" s="349">
        <v>2.2000000000000002</v>
      </c>
      <c r="AK14" s="159"/>
    </row>
    <row r="15" spans="1:37" s="326" customFormat="1" ht="15" customHeight="1" x14ac:dyDescent="0.15">
      <c r="A15" s="553"/>
      <c r="B15" s="615"/>
      <c r="C15" s="347"/>
      <c r="D15" s="348" t="s">
        <v>195</v>
      </c>
      <c r="E15" s="351">
        <v>101.9</v>
      </c>
      <c r="F15" s="352">
        <v>0.6</v>
      </c>
      <c r="G15" s="351">
        <v>104.9</v>
      </c>
      <c r="H15" s="351">
        <v>1.3</v>
      </c>
      <c r="I15" s="351">
        <v>99.3</v>
      </c>
      <c r="J15" s="351">
        <v>-0.1</v>
      </c>
      <c r="K15" s="351">
        <v>98.4</v>
      </c>
      <c r="L15" s="351">
        <v>2.1</v>
      </c>
      <c r="M15" s="351">
        <v>85.3</v>
      </c>
      <c r="N15" s="351">
        <v>-0.8</v>
      </c>
      <c r="O15" s="351">
        <v>88.7</v>
      </c>
      <c r="P15" s="351">
        <v>-0.9</v>
      </c>
      <c r="Q15" s="351">
        <v>100.3</v>
      </c>
      <c r="R15" s="351">
        <v>0</v>
      </c>
      <c r="S15" s="351">
        <v>79</v>
      </c>
      <c r="T15" s="351">
        <v>-3.9</v>
      </c>
      <c r="U15" s="351">
        <v>93.6</v>
      </c>
      <c r="V15" s="351">
        <v>-4.2</v>
      </c>
      <c r="W15" s="351">
        <v>101.3</v>
      </c>
      <c r="X15" s="351">
        <v>0.4</v>
      </c>
      <c r="Y15" s="351">
        <v>103.3</v>
      </c>
      <c r="Z15" s="351">
        <v>-1</v>
      </c>
      <c r="AA15" s="351">
        <v>116.1</v>
      </c>
      <c r="AB15" s="351">
        <v>5.4</v>
      </c>
      <c r="AC15" s="351">
        <v>107.4</v>
      </c>
      <c r="AD15" s="351">
        <v>1</v>
      </c>
      <c r="AE15" s="351">
        <v>108.8</v>
      </c>
      <c r="AF15" s="351">
        <v>1.6</v>
      </c>
      <c r="AG15" s="351">
        <v>81.3</v>
      </c>
      <c r="AH15" s="351">
        <v>-10.199999999999999</v>
      </c>
      <c r="AI15" s="351">
        <v>106.9</v>
      </c>
      <c r="AJ15" s="351">
        <v>2.9</v>
      </c>
      <c r="AK15" s="159"/>
    </row>
    <row r="16" spans="1:37" s="326" customFormat="1" ht="15" customHeight="1" x14ac:dyDescent="0.15">
      <c r="A16" s="553"/>
      <c r="B16" s="615"/>
      <c r="C16" s="347"/>
      <c r="D16" s="348" t="s">
        <v>196</v>
      </c>
      <c r="E16" s="349">
        <v>101.5</v>
      </c>
      <c r="F16" s="350">
        <v>0.4</v>
      </c>
      <c r="G16" s="349">
        <v>107.6</v>
      </c>
      <c r="H16" s="349">
        <v>3.2</v>
      </c>
      <c r="I16" s="349">
        <v>99.5</v>
      </c>
      <c r="J16" s="349">
        <v>-0.6</v>
      </c>
      <c r="K16" s="349">
        <v>98</v>
      </c>
      <c r="L16" s="349">
        <v>-0.7</v>
      </c>
      <c r="M16" s="349">
        <v>84.7</v>
      </c>
      <c r="N16" s="349">
        <v>-0.6</v>
      </c>
      <c r="O16" s="349">
        <v>88.4</v>
      </c>
      <c r="P16" s="349">
        <v>-1</v>
      </c>
      <c r="Q16" s="349">
        <v>99.8</v>
      </c>
      <c r="R16" s="349">
        <v>-0.2</v>
      </c>
      <c r="S16" s="349">
        <v>79</v>
      </c>
      <c r="T16" s="349">
        <v>-1.9</v>
      </c>
      <c r="U16" s="349">
        <v>92.7</v>
      </c>
      <c r="V16" s="349">
        <v>-3.7</v>
      </c>
      <c r="W16" s="349">
        <v>101.1</v>
      </c>
      <c r="X16" s="349">
        <v>-0.7</v>
      </c>
      <c r="Y16" s="349">
        <v>104.1</v>
      </c>
      <c r="Z16" s="349">
        <v>1.2</v>
      </c>
      <c r="AA16" s="349">
        <v>114.8</v>
      </c>
      <c r="AB16" s="349">
        <v>4.5999999999999996</v>
      </c>
      <c r="AC16" s="349">
        <v>104.7</v>
      </c>
      <c r="AD16" s="349">
        <v>-1</v>
      </c>
      <c r="AE16" s="349">
        <v>107.6</v>
      </c>
      <c r="AF16" s="349">
        <v>0.7</v>
      </c>
      <c r="AG16" s="349">
        <v>80.8</v>
      </c>
      <c r="AH16" s="349">
        <v>-10.6</v>
      </c>
      <c r="AI16" s="349">
        <v>106.7</v>
      </c>
      <c r="AJ16" s="349">
        <v>3.1</v>
      </c>
      <c r="AK16" s="159"/>
    </row>
    <row r="17" spans="1:37" s="326" customFormat="1" ht="15" customHeight="1" x14ac:dyDescent="0.15">
      <c r="A17" s="553"/>
      <c r="B17" s="615"/>
      <c r="C17" s="347"/>
      <c r="D17" s="348" t="s">
        <v>197</v>
      </c>
      <c r="E17" s="351">
        <v>102.8</v>
      </c>
      <c r="F17" s="352">
        <v>0.8</v>
      </c>
      <c r="G17" s="351">
        <v>112.3</v>
      </c>
      <c r="H17" s="351">
        <v>6.6</v>
      </c>
      <c r="I17" s="351">
        <v>100</v>
      </c>
      <c r="J17" s="351">
        <v>-1.8</v>
      </c>
      <c r="K17" s="351">
        <v>101.5</v>
      </c>
      <c r="L17" s="351">
        <v>3</v>
      </c>
      <c r="M17" s="351">
        <v>88.1</v>
      </c>
      <c r="N17" s="351">
        <v>0.8</v>
      </c>
      <c r="O17" s="351">
        <v>89.8</v>
      </c>
      <c r="P17" s="351">
        <v>0.2</v>
      </c>
      <c r="Q17" s="351">
        <v>99</v>
      </c>
      <c r="R17" s="351">
        <v>-0.4</v>
      </c>
      <c r="S17" s="351">
        <v>79.599999999999994</v>
      </c>
      <c r="T17" s="351">
        <v>-3.3</v>
      </c>
      <c r="U17" s="351">
        <v>97.7</v>
      </c>
      <c r="V17" s="351">
        <v>4.2</v>
      </c>
      <c r="W17" s="351">
        <v>103.4</v>
      </c>
      <c r="X17" s="351">
        <v>0.5</v>
      </c>
      <c r="Y17" s="351">
        <v>105</v>
      </c>
      <c r="Z17" s="351">
        <v>3.7</v>
      </c>
      <c r="AA17" s="351">
        <v>116.7</v>
      </c>
      <c r="AB17" s="351">
        <v>3.5</v>
      </c>
      <c r="AC17" s="351">
        <v>107.1</v>
      </c>
      <c r="AD17" s="351">
        <v>2.2000000000000002</v>
      </c>
      <c r="AE17" s="351">
        <v>109.3</v>
      </c>
      <c r="AF17" s="351">
        <v>-1.2</v>
      </c>
      <c r="AG17" s="351">
        <v>80.400000000000006</v>
      </c>
      <c r="AH17" s="351">
        <v>-10.199999999999999</v>
      </c>
      <c r="AI17" s="351">
        <v>107.7</v>
      </c>
      <c r="AJ17" s="351">
        <v>2.9</v>
      </c>
      <c r="AK17" s="159"/>
    </row>
    <row r="18" spans="1:37" s="326" customFormat="1" ht="15" customHeight="1" x14ac:dyDescent="0.15">
      <c r="A18" s="553"/>
      <c r="B18" s="615"/>
      <c r="C18" s="347"/>
      <c r="D18" s="348" t="s">
        <v>198</v>
      </c>
      <c r="E18" s="349">
        <v>103.1</v>
      </c>
      <c r="F18" s="350">
        <v>0.9</v>
      </c>
      <c r="G18" s="349">
        <v>112.9</v>
      </c>
      <c r="H18" s="349">
        <v>6.6</v>
      </c>
      <c r="I18" s="349">
        <v>98.9</v>
      </c>
      <c r="J18" s="349">
        <v>-3.4</v>
      </c>
      <c r="K18" s="349">
        <v>102.2</v>
      </c>
      <c r="L18" s="349">
        <v>3.5</v>
      </c>
      <c r="M18" s="349">
        <v>88.2</v>
      </c>
      <c r="N18" s="349">
        <v>0.2</v>
      </c>
      <c r="O18" s="349">
        <v>90</v>
      </c>
      <c r="P18" s="349">
        <v>0.3</v>
      </c>
      <c r="Q18" s="349">
        <v>99.3</v>
      </c>
      <c r="R18" s="349">
        <v>-0.9</v>
      </c>
      <c r="S18" s="349">
        <v>80.099999999999994</v>
      </c>
      <c r="T18" s="349">
        <v>-2.8</v>
      </c>
      <c r="U18" s="349">
        <v>97.8</v>
      </c>
      <c r="V18" s="349">
        <v>2.8</v>
      </c>
      <c r="W18" s="349">
        <v>103.8</v>
      </c>
      <c r="X18" s="349">
        <v>1.2</v>
      </c>
      <c r="Y18" s="349">
        <v>106.1</v>
      </c>
      <c r="Z18" s="349">
        <v>6.1</v>
      </c>
      <c r="AA18" s="349">
        <v>116.1</v>
      </c>
      <c r="AB18" s="349">
        <v>-0.5</v>
      </c>
      <c r="AC18" s="349">
        <v>110.3</v>
      </c>
      <c r="AD18" s="349">
        <v>3.6</v>
      </c>
      <c r="AE18" s="349">
        <v>108.9</v>
      </c>
      <c r="AF18" s="349">
        <v>-0.5</v>
      </c>
      <c r="AG18" s="349">
        <v>86.6</v>
      </c>
      <c r="AH18" s="349">
        <v>-3.6</v>
      </c>
      <c r="AI18" s="349">
        <v>108.3</v>
      </c>
      <c r="AJ18" s="349">
        <v>3.4</v>
      </c>
      <c r="AK18" s="159"/>
    </row>
    <row r="19" spans="1:37" s="326" customFormat="1" ht="15" customHeight="1" x14ac:dyDescent="0.15">
      <c r="A19" s="553"/>
      <c r="B19" s="615"/>
      <c r="C19" s="347"/>
      <c r="D19" s="348" t="s">
        <v>199</v>
      </c>
      <c r="E19" s="351">
        <v>103.4</v>
      </c>
      <c r="F19" s="352">
        <v>0.8</v>
      </c>
      <c r="G19" s="351">
        <v>111.8</v>
      </c>
      <c r="H19" s="351">
        <v>6</v>
      </c>
      <c r="I19" s="351">
        <v>100.5</v>
      </c>
      <c r="J19" s="351">
        <v>-1.1000000000000001</v>
      </c>
      <c r="K19" s="351">
        <v>103</v>
      </c>
      <c r="L19" s="351">
        <v>3.6</v>
      </c>
      <c r="M19" s="351">
        <v>88.4</v>
      </c>
      <c r="N19" s="351">
        <v>1.3</v>
      </c>
      <c r="O19" s="351">
        <v>91.3</v>
      </c>
      <c r="P19" s="351">
        <v>1.3</v>
      </c>
      <c r="Q19" s="351">
        <v>99.9</v>
      </c>
      <c r="R19" s="351">
        <v>-1.5</v>
      </c>
      <c r="S19" s="351">
        <v>80.7</v>
      </c>
      <c r="T19" s="351">
        <v>-2.7</v>
      </c>
      <c r="U19" s="351">
        <v>98.6</v>
      </c>
      <c r="V19" s="351">
        <v>6.7</v>
      </c>
      <c r="W19" s="351">
        <v>103</v>
      </c>
      <c r="X19" s="351">
        <v>1.8</v>
      </c>
      <c r="Y19" s="351">
        <v>106.1</v>
      </c>
      <c r="Z19" s="351">
        <v>2.8</v>
      </c>
      <c r="AA19" s="351">
        <v>116.7</v>
      </c>
      <c r="AB19" s="351">
        <v>1.5</v>
      </c>
      <c r="AC19" s="351">
        <v>112.1</v>
      </c>
      <c r="AD19" s="351">
        <v>4.5</v>
      </c>
      <c r="AE19" s="351">
        <v>108.2</v>
      </c>
      <c r="AF19" s="351">
        <v>-1.8</v>
      </c>
      <c r="AG19" s="351">
        <v>86.9</v>
      </c>
      <c r="AH19" s="351">
        <v>-3.6</v>
      </c>
      <c r="AI19" s="351">
        <v>108.1</v>
      </c>
      <c r="AJ19" s="351">
        <v>3.2</v>
      </c>
      <c r="AK19" s="159"/>
    </row>
    <row r="20" spans="1:37" s="326" customFormat="1" ht="15" customHeight="1" x14ac:dyDescent="0.15">
      <c r="A20" s="553"/>
      <c r="B20" s="615"/>
      <c r="C20" s="347"/>
      <c r="D20" s="348" t="s">
        <v>200</v>
      </c>
      <c r="E20" s="349">
        <v>103.2</v>
      </c>
      <c r="F20" s="350">
        <v>0.6</v>
      </c>
      <c r="G20" s="349">
        <v>112.7</v>
      </c>
      <c r="H20" s="349">
        <v>6.3</v>
      </c>
      <c r="I20" s="349">
        <v>99.2</v>
      </c>
      <c r="J20" s="349">
        <v>-2.7</v>
      </c>
      <c r="K20" s="349">
        <v>89</v>
      </c>
      <c r="L20" s="349">
        <v>-9.9</v>
      </c>
      <c r="M20" s="349">
        <v>87.8</v>
      </c>
      <c r="N20" s="349">
        <v>0.3</v>
      </c>
      <c r="O20" s="349">
        <v>91</v>
      </c>
      <c r="P20" s="349">
        <v>0.7</v>
      </c>
      <c r="Q20" s="349">
        <v>99.5</v>
      </c>
      <c r="R20" s="349">
        <v>-1.4</v>
      </c>
      <c r="S20" s="349">
        <v>81.099999999999994</v>
      </c>
      <c r="T20" s="349">
        <v>-3.3</v>
      </c>
      <c r="U20" s="349">
        <v>97.7</v>
      </c>
      <c r="V20" s="349">
        <v>4.3</v>
      </c>
      <c r="W20" s="349">
        <v>102.9</v>
      </c>
      <c r="X20" s="349">
        <v>1.9</v>
      </c>
      <c r="Y20" s="349">
        <v>106.3</v>
      </c>
      <c r="Z20" s="349">
        <v>3.4</v>
      </c>
      <c r="AA20" s="349">
        <v>119.1</v>
      </c>
      <c r="AB20" s="349">
        <v>3.1</v>
      </c>
      <c r="AC20" s="349">
        <v>111.2</v>
      </c>
      <c r="AD20" s="349">
        <v>3.6</v>
      </c>
      <c r="AE20" s="349">
        <v>108.6</v>
      </c>
      <c r="AF20" s="349">
        <v>-1</v>
      </c>
      <c r="AG20" s="349">
        <v>86.8</v>
      </c>
      <c r="AH20" s="349">
        <v>-2.6</v>
      </c>
      <c r="AI20" s="349">
        <v>108.1</v>
      </c>
      <c r="AJ20" s="349">
        <v>3</v>
      </c>
      <c r="AK20" s="159"/>
    </row>
    <row r="21" spans="1:37" s="326" customFormat="1" ht="15" customHeight="1" x14ac:dyDescent="0.15">
      <c r="A21" s="553"/>
      <c r="B21" s="615"/>
      <c r="C21" s="347"/>
      <c r="D21" s="348" t="s">
        <v>201</v>
      </c>
      <c r="E21" s="351">
        <v>103</v>
      </c>
      <c r="F21" s="352">
        <v>0.9</v>
      </c>
      <c r="G21" s="351">
        <v>111.4</v>
      </c>
      <c r="H21" s="351">
        <v>5.4</v>
      </c>
      <c r="I21" s="351">
        <v>97.8</v>
      </c>
      <c r="J21" s="351">
        <v>-3.8</v>
      </c>
      <c r="K21" s="351">
        <v>88.8</v>
      </c>
      <c r="L21" s="351">
        <v>-9.1</v>
      </c>
      <c r="M21" s="351">
        <v>87</v>
      </c>
      <c r="N21" s="351">
        <v>-0.5</v>
      </c>
      <c r="O21" s="351">
        <v>90.1</v>
      </c>
      <c r="P21" s="351">
        <v>-0.2</v>
      </c>
      <c r="Q21" s="351">
        <v>99.6</v>
      </c>
      <c r="R21" s="351">
        <v>-0.6</v>
      </c>
      <c r="S21" s="351">
        <v>80.2</v>
      </c>
      <c r="T21" s="351">
        <v>-3.8</v>
      </c>
      <c r="U21" s="351">
        <v>97.6</v>
      </c>
      <c r="V21" s="351">
        <v>4.5</v>
      </c>
      <c r="W21" s="351">
        <v>102.8</v>
      </c>
      <c r="X21" s="351">
        <v>1.5</v>
      </c>
      <c r="Y21" s="351">
        <v>107</v>
      </c>
      <c r="Z21" s="351">
        <v>4.7</v>
      </c>
      <c r="AA21" s="351">
        <v>118.9</v>
      </c>
      <c r="AB21" s="351">
        <v>5.8</v>
      </c>
      <c r="AC21" s="351">
        <v>111.8</v>
      </c>
      <c r="AD21" s="351">
        <v>4.7</v>
      </c>
      <c r="AE21" s="351">
        <v>108.5</v>
      </c>
      <c r="AF21" s="351">
        <v>-0.8</v>
      </c>
      <c r="AG21" s="351">
        <v>86.6</v>
      </c>
      <c r="AH21" s="351">
        <v>-3.8</v>
      </c>
      <c r="AI21" s="351">
        <v>108</v>
      </c>
      <c r="AJ21" s="351">
        <v>3.5</v>
      </c>
      <c r="AK21" s="159"/>
    </row>
    <row r="22" spans="1:37" s="326" customFormat="1" ht="15" customHeight="1" x14ac:dyDescent="0.15">
      <c r="A22" s="553"/>
      <c r="B22" s="615"/>
      <c r="C22" s="347"/>
      <c r="D22" s="348" t="s">
        <v>202</v>
      </c>
      <c r="E22" s="349">
        <v>103</v>
      </c>
      <c r="F22" s="350">
        <v>1.2</v>
      </c>
      <c r="G22" s="349">
        <v>109.6</v>
      </c>
      <c r="H22" s="349">
        <v>3.3</v>
      </c>
      <c r="I22" s="349">
        <v>99.6</v>
      </c>
      <c r="J22" s="349">
        <v>-1.9</v>
      </c>
      <c r="K22" s="349">
        <v>88.9</v>
      </c>
      <c r="L22" s="349">
        <v>-9.6999999999999993</v>
      </c>
      <c r="M22" s="349">
        <v>86.8</v>
      </c>
      <c r="N22" s="349">
        <v>-0.5</v>
      </c>
      <c r="O22" s="349">
        <v>90.7</v>
      </c>
      <c r="P22" s="349">
        <v>1.2</v>
      </c>
      <c r="Q22" s="349">
        <v>99.9</v>
      </c>
      <c r="R22" s="349">
        <v>0.3</v>
      </c>
      <c r="S22" s="349">
        <v>79.900000000000006</v>
      </c>
      <c r="T22" s="349">
        <v>-3.5</v>
      </c>
      <c r="U22" s="349">
        <v>97.3</v>
      </c>
      <c r="V22" s="349">
        <v>2.9</v>
      </c>
      <c r="W22" s="349">
        <v>100.7</v>
      </c>
      <c r="X22" s="349">
        <v>-0.8</v>
      </c>
      <c r="Y22" s="349">
        <v>106</v>
      </c>
      <c r="Z22" s="349">
        <v>4.5</v>
      </c>
      <c r="AA22" s="349">
        <v>117.1</v>
      </c>
      <c r="AB22" s="349">
        <v>2.7</v>
      </c>
      <c r="AC22" s="349">
        <v>111.6</v>
      </c>
      <c r="AD22" s="349">
        <v>3.8</v>
      </c>
      <c r="AE22" s="349">
        <v>109.2</v>
      </c>
      <c r="AF22" s="349">
        <v>-0.1</v>
      </c>
      <c r="AG22" s="349">
        <v>86.4</v>
      </c>
      <c r="AH22" s="349">
        <v>44.7</v>
      </c>
      <c r="AI22" s="349">
        <v>108</v>
      </c>
      <c r="AJ22" s="349">
        <v>4</v>
      </c>
      <c r="AK22" s="159"/>
    </row>
    <row r="23" spans="1:37" s="326" customFormat="1" ht="15" customHeight="1" x14ac:dyDescent="0.15">
      <c r="A23" s="553"/>
      <c r="B23" s="615"/>
      <c r="C23" s="347"/>
      <c r="D23" s="348" t="s">
        <v>203</v>
      </c>
      <c r="E23" s="351">
        <v>103</v>
      </c>
      <c r="F23" s="352">
        <v>0.9</v>
      </c>
      <c r="G23" s="351">
        <v>109.8</v>
      </c>
      <c r="H23" s="351">
        <v>3.9</v>
      </c>
      <c r="I23" s="351">
        <v>98.8</v>
      </c>
      <c r="J23" s="351">
        <v>-1.1000000000000001</v>
      </c>
      <c r="K23" s="351">
        <v>89.4</v>
      </c>
      <c r="L23" s="351">
        <v>-9.8000000000000007</v>
      </c>
      <c r="M23" s="351">
        <v>86.9</v>
      </c>
      <c r="N23" s="351">
        <v>0.7</v>
      </c>
      <c r="O23" s="351">
        <v>90.8</v>
      </c>
      <c r="P23" s="351">
        <v>1.2</v>
      </c>
      <c r="Q23" s="351">
        <v>100</v>
      </c>
      <c r="R23" s="351">
        <v>-0.7</v>
      </c>
      <c r="S23" s="351">
        <v>79.400000000000006</v>
      </c>
      <c r="T23" s="351">
        <v>-2.2999999999999998</v>
      </c>
      <c r="U23" s="351">
        <v>98.1</v>
      </c>
      <c r="V23" s="351">
        <v>4.7</v>
      </c>
      <c r="W23" s="351">
        <v>101</v>
      </c>
      <c r="X23" s="351">
        <v>-0.8</v>
      </c>
      <c r="Y23" s="351">
        <v>107</v>
      </c>
      <c r="Z23" s="351">
        <v>4.3</v>
      </c>
      <c r="AA23" s="351">
        <v>118.3</v>
      </c>
      <c r="AB23" s="351">
        <v>3.6</v>
      </c>
      <c r="AC23" s="351">
        <v>113.5</v>
      </c>
      <c r="AD23" s="351">
        <v>5.4</v>
      </c>
      <c r="AE23" s="351">
        <v>108.3</v>
      </c>
      <c r="AF23" s="351">
        <v>-1.5</v>
      </c>
      <c r="AG23" s="351">
        <v>77.2</v>
      </c>
      <c r="AH23" s="351">
        <v>-3.7</v>
      </c>
      <c r="AI23" s="351">
        <v>107.5</v>
      </c>
      <c r="AJ23" s="351">
        <v>2.6</v>
      </c>
      <c r="AK23" s="159"/>
    </row>
    <row r="24" spans="1:37" s="326" customFormat="1" ht="15" customHeight="1" x14ac:dyDescent="0.15">
      <c r="A24" s="553"/>
      <c r="B24" s="615"/>
      <c r="C24" s="347"/>
      <c r="D24" s="348" t="s">
        <v>204</v>
      </c>
      <c r="E24" s="349">
        <v>102.7</v>
      </c>
      <c r="F24" s="350">
        <v>0.4</v>
      </c>
      <c r="G24" s="349">
        <v>109.4</v>
      </c>
      <c r="H24" s="349">
        <v>4.3</v>
      </c>
      <c r="I24" s="349">
        <v>96.6</v>
      </c>
      <c r="J24" s="349">
        <v>-3.1</v>
      </c>
      <c r="K24" s="349">
        <v>89.3</v>
      </c>
      <c r="L24" s="349">
        <v>-10.5</v>
      </c>
      <c r="M24" s="349">
        <v>87.6</v>
      </c>
      <c r="N24" s="349">
        <v>2.5</v>
      </c>
      <c r="O24" s="349">
        <v>90.4</v>
      </c>
      <c r="P24" s="349">
        <v>0.2</v>
      </c>
      <c r="Q24" s="349">
        <v>99.1</v>
      </c>
      <c r="R24" s="349">
        <v>-2.2000000000000002</v>
      </c>
      <c r="S24" s="349">
        <v>80.599999999999994</v>
      </c>
      <c r="T24" s="349">
        <v>-0.7</v>
      </c>
      <c r="U24" s="349">
        <v>98.5</v>
      </c>
      <c r="V24" s="349">
        <v>4.5</v>
      </c>
      <c r="W24" s="349">
        <v>100.9</v>
      </c>
      <c r="X24" s="349">
        <v>-0.8</v>
      </c>
      <c r="Y24" s="349">
        <v>107.9</v>
      </c>
      <c r="Z24" s="349">
        <v>6.3</v>
      </c>
      <c r="AA24" s="349">
        <v>116.8</v>
      </c>
      <c r="AB24" s="349">
        <v>1.6</v>
      </c>
      <c r="AC24" s="349">
        <v>113.4</v>
      </c>
      <c r="AD24" s="349">
        <v>4.8</v>
      </c>
      <c r="AE24" s="349">
        <v>109</v>
      </c>
      <c r="AF24" s="349">
        <v>-0.8</v>
      </c>
      <c r="AG24" s="349">
        <v>77.2</v>
      </c>
      <c r="AH24" s="349">
        <v>-11.3</v>
      </c>
      <c r="AI24" s="349">
        <v>107.4</v>
      </c>
      <c r="AJ24" s="349">
        <v>1.8</v>
      </c>
      <c r="AK24" s="159"/>
    </row>
    <row r="25" spans="1:37" s="326" customFormat="1" ht="15" customHeight="1" x14ac:dyDescent="0.15">
      <c r="A25" s="553"/>
      <c r="B25" s="615"/>
      <c r="C25" s="347"/>
      <c r="D25" s="348" t="s">
        <v>205</v>
      </c>
      <c r="E25" s="351">
        <v>103</v>
      </c>
      <c r="F25" s="352">
        <v>0.8</v>
      </c>
      <c r="G25" s="351">
        <v>109.6</v>
      </c>
      <c r="H25" s="351">
        <v>4.9000000000000004</v>
      </c>
      <c r="I25" s="351">
        <v>97.8</v>
      </c>
      <c r="J25" s="351">
        <v>-2.1</v>
      </c>
      <c r="K25" s="351">
        <v>88.7</v>
      </c>
      <c r="L25" s="351">
        <v>-10.8</v>
      </c>
      <c r="M25" s="351">
        <v>87.5</v>
      </c>
      <c r="N25" s="351">
        <v>2.6</v>
      </c>
      <c r="O25" s="351">
        <v>90.2</v>
      </c>
      <c r="P25" s="351">
        <v>-0.7</v>
      </c>
      <c r="Q25" s="351">
        <v>99.3</v>
      </c>
      <c r="R25" s="351">
        <v>-1.8</v>
      </c>
      <c r="S25" s="351">
        <v>80.7</v>
      </c>
      <c r="T25" s="351">
        <v>-0.7</v>
      </c>
      <c r="U25" s="351">
        <v>98.5</v>
      </c>
      <c r="V25" s="351">
        <v>4.8</v>
      </c>
      <c r="W25" s="351">
        <v>101</v>
      </c>
      <c r="X25" s="351">
        <v>-0.7</v>
      </c>
      <c r="Y25" s="351">
        <v>108.2</v>
      </c>
      <c r="Z25" s="351">
        <v>4.9000000000000004</v>
      </c>
      <c r="AA25" s="351">
        <v>115.6</v>
      </c>
      <c r="AB25" s="351">
        <v>-1.6</v>
      </c>
      <c r="AC25" s="351">
        <v>114.9</v>
      </c>
      <c r="AD25" s="351">
        <v>5.7</v>
      </c>
      <c r="AE25" s="351">
        <v>108.8</v>
      </c>
      <c r="AF25" s="351">
        <v>0.1</v>
      </c>
      <c r="AG25" s="351">
        <v>83.6</v>
      </c>
      <c r="AH25" s="351">
        <v>4</v>
      </c>
      <c r="AI25" s="351">
        <v>107.1</v>
      </c>
      <c r="AJ25" s="351">
        <v>1.8</v>
      </c>
      <c r="AK25" s="159"/>
    </row>
    <row r="26" spans="1:37" s="326" customFormat="1" ht="14.25" customHeight="1" x14ac:dyDescent="0.15">
      <c r="A26" s="553"/>
      <c r="B26" s="615"/>
      <c r="C26" s="347"/>
      <c r="D26" s="348"/>
      <c r="E26" s="351"/>
      <c r="F26" s="352"/>
      <c r="G26" s="351"/>
      <c r="H26" s="351"/>
      <c r="I26" s="351"/>
      <c r="J26" s="351"/>
      <c r="K26" s="351"/>
      <c r="L26" s="351"/>
      <c r="M26" s="351"/>
      <c r="N26" s="351"/>
      <c r="O26" s="351"/>
      <c r="P26" s="351"/>
      <c r="Q26" s="351"/>
      <c r="R26" s="351"/>
      <c r="S26" s="351"/>
      <c r="T26" s="351"/>
      <c r="U26" s="351"/>
      <c r="V26" s="351"/>
      <c r="W26" s="351"/>
      <c r="X26" s="351"/>
      <c r="Y26" s="351"/>
      <c r="Z26" s="351"/>
      <c r="AA26" s="351"/>
      <c r="AB26" s="351"/>
      <c r="AC26" s="351"/>
      <c r="AD26" s="351"/>
      <c r="AE26" s="351"/>
      <c r="AF26" s="351"/>
      <c r="AG26" s="351"/>
      <c r="AH26" s="351"/>
      <c r="AI26" s="351"/>
      <c r="AJ26" s="351"/>
      <c r="AK26" s="159"/>
    </row>
    <row r="27" spans="1:37" s="326" customFormat="1" ht="14.25" customHeight="1" x14ac:dyDescent="0.15">
      <c r="A27" s="553"/>
      <c r="B27" s="615"/>
      <c r="C27" s="347" t="s">
        <v>206</v>
      </c>
      <c r="D27" s="348" t="s">
        <v>194</v>
      </c>
      <c r="E27" s="349">
        <v>102.7</v>
      </c>
      <c r="F27" s="350">
        <v>0.6</v>
      </c>
      <c r="G27" s="349">
        <v>109.7</v>
      </c>
      <c r="H27" s="349">
        <v>4.0999999999999996</v>
      </c>
      <c r="I27" s="349">
        <v>96.1</v>
      </c>
      <c r="J27" s="349">
        <v>-2.8</v>
      </c>
      <c r="K27" s="349">
        <v>88.7</v>
      </c>
      <c r="L27" s="349">
        <v>-10.4</v>
      </c>
      <c r="M27" s="349">
        <v>87.2</v>
      </c>
      <c r="N27" s="349">
        <v>1.9</v>
      </c>
      <c r="O27" s="349">
        <v>89.9</v>
      </c>
      <c r="P27" s="349">
        <v>-1.2</v>
      </c>
      <c r="Q27" s="349">
        <v>99.7</v>
      </c>
      <c r="R27" s="349">
        <v>-0.9</v>
      </c>
      <c r="S27" s="349">
        <v>80.8</v>
      </c>
      <c r="T27" s="349">
        <v>1.1000000000000001</v>
      </c>
      <c r="U27" s="349">
        <v>99</v>
      </c>
      <c r="V27" s="349">
        <v>5.4</v>
      </c>
      <c r="W27" s="349">
        <v>101</v>
      </c>
      <c r="X27" s="349">
        <v>-0.6</v>
      </c>
      <c r="Y27" s="349">
        <v>107.8</v>
      </c>
      <c r="Z27" s="349">
        <v>3.9</v>
      </c>
      <c r="AA27" s="349">
        <v>115</v>
      </c>
      <c r="AB27" s="349">
        <v>-1.3</v>
      </c>
      <c r="AC27" s="349">
        <v>113.5</v>
      </c>
      <c r="AD27" s="349">
        <v>4.5999999999999996</v>
      </c>
      <c r="AE27" s="349">
        <v>108.6</v>
      </c>
      <c r="AF27" s="349">
        <v>-0.2</v>
      </c>
      <c r="AG27" s="349">
        <v>82.3</v>
      </c>
      <c r="AH27" s="349">
        <v>-5.9</v>
      </c>
      <c r="AI27" s="349">
        <v>108.5</v>
      </c>
      <c r="AJ27" s="349">
        <v>3.1</v>
      </c>
      <c r="AK27" s="159"/>
    </row>
    <row r="28" spans="1:37" s="326" customFormat="1" ht="11.25" customHeight="1" x14ac:dyDescent="0.15">
      <c r="A28" s="553"/>
      <c r="B28" s="557"/>
      <c r="C28" s="353"/>
      <c r="D28" s="354"/>
      <c r="E28" s="351"/>
      <c r="F28" s="352"/>
      <c r="G28" s="351"/>
      <c r="H28" s="351"/>
      <c r="I28" s="351"/>
      <c r="J28" s="351"/>
      <c r="K28" s="351"/>
      <c r="L28" s="351"/>
      <c r="M28" s="351"/>
      <c r="N28" s="351"/>
      <c r="O28" s="351"/>
      <c r="P28" s="351"/>
      <c r="Q28" s="351"/>
      <c r="R28" s="351"/>
      <c r="S28" s="351"/>
      <c r="T28" s="351"/>
      <c r="U28" s="351"/>
      <c r="V28" s="351"/>
      <c r="W28" s="351"/>
      <c r="X28" s="351"/>
      <c r="Y28" s="351"/>
      <c r="Z28" s="351"/>
      <c r="AA28" s="351"/>
      <c r="AB28" s="351"/>
      <c r="AC28" s="351"/>
      <c r="AD28" s="351"/>
      <c r="AE28" s="351"/>
      <c r="AF28" s="351"/>
      <c r="AG28" s="351"/>
      <c r="AH28" s="351"/>
      <c r="AI28" s="351"/>
      <c r="AJ28" s="351"/>
      <c r="AK28" s="159"/>
    </row>
    <row r="29" spans="1:37" s="326" customFormat="1" ht="11.25" customHeight="1" x14ac:dyDescent="0.15">
      <c r="A29" s="553"/>
      <c r="B29" s="355"/>
      <c r="C29" s="356"/>
      <c r="D29" s="357"/>
      <c r="E29" s="358"/>
      <c r="F29" s="359"/>
      <c r="G29" s="358"/>
      <c r="H29" s="358"/>
      <c r="I29" s="358"/>
      <c r="J29" s="358"/>
      <c r="K29" s="358"/>
      <c r="L29" s="358"/>
      <c r="M29" s="358"/>
      <c r="N29" s="358"/>
      <c r="O29" s="358"/>
      <c r="P29" s="358"/>
      <c r="Q29" s="358"/>
      <c r="R29" s="358"/>
      <c r="S29" s="358"/>
      <c r="T29" s="358"/>
      <c r="U29" s="358"/>
      <c r="V29" s="358"/>
      <c r="W29" s="358"/>
      <c r="X29" s="358"/>
      <c r="Y29" s="358"/>
      <c r="Z29" s="358"/>
      <c r="AA29" s="358"/>
      <c r="AB29" s="358"/>
      <c r="AC29" s="358"/>
      <c r="AD29" s="358"/>
      <c r="AE29" s="358"/>
      <c r="AF29" s="358"/>
      <c r="AG29" s="358"/>
      <c r="AH29" s="358"/>
      <c r="AI29" s="358"/>
      <c r="AJ29" s="358"/>
      <c r="AK29" s="159"/>
    </row>
    <row r="30" spans="1:37" s="326" customFormat="1" ht="14.25" customHeight="1" x14ac:dyDescent="0.15">
      <c r="A30" s="553"/>
      <c r="B30" s="431"/>
      <c r="C30" s="347" t="s">
        <v>188</v>
      </c>
      <c r="D30" s="348" t="s">
        <v>189</v>
      </c>
      <c r="E30" s="349">
        <v>99.4</v>
      </c>
      <c r="F30" s="350">
        <v>0.2</v>
      </c>
      <c r="G30" s="349">
        <v>106.1</v>
      </c>
      <c r="H30" s="349">
        <v>10.9</v>
      </c>
      <c r="I30" s="349">
        <v>102.3</v>
      </c>
      <c r="J30" s="349">
        <v>2.7</v>
      </c>
      <c r="K30" s="349">
        <v>93.7</v>
      </c>
      <c r="L30" s="349">
        <v>-4.5</v>
      </c>
      <c r="M30" s="349">
        <v>86.4</v>
      </c>
      <c r="N30" s="349">
        <v>-10</v>
      </c>
      <c r="O30" s="349">
        <v>96.8</v>
      </c>
      <c r="P30" s="349">
        <v>-3.5</v>
      </c>
      <c r="Q30" s="349">
        <v>102.2</v>
      </c>
      <c r="R30" s="349">
        <v>-0.7</v>
      </c>
      <c r="S30" s="349">
        <v>94.9</v>
      </c>
      <c r="T30" s="349">
        <v>-3.9</v>
      </c>
      <c r="U30" s="349">
        <v>99.2</v>
      </c>
      <c r="V30" s="349">
        <v>-3.5</v>
      </c>
      <c r="W30" s="349">
        <v>98.4</v>
      </c>
      <c r="X30" s="349">
        <v>1</v>
      </c>
      <c r="Y30" s="349">
        <v>91.5</v>
      </c>
      <c r="Z30" s="349">
        <v>-3.3</v>
      </c>
      <c r="AA30" s="349">
        <v>96.9</v>
      </c>
      <c r="AB30" s="349">
        <v>1.6</v>
      </c>
      <c r="AC30" s="349">
        <v>102.8</v>
      </c>
      <c r="AD30" s="349">
        <v>-1.5</v>
      </c>
      <c r="AE30" s="349">
        <v>98.2</v>
      </c>
      <c r="AF30" s="349">
        <v>2.1</v>
      </c>
      <c r="AG30" s="349">
        <v>89.5</v>
      </c>
      <c r="AH30" s="349">
        <v>-6</v>
      </c>
      <c r="AI30" s="349">
        <v>102.5</v>
      </c>
      <c r="AJ30" s="349">
        <v>1.7</v>
      </c>
      <c r="AK30" s="159"/>
    </row>
    <row r="31" spans="1:37" s="326" customFormat="1" ht="14.25" customHeight="1" x14ac:dyDescent="0.15">
      <c r="A31" s="553"/>
      <c r="B31" s="431"/>
      <c r="C31" s="347" t="s">
        <v>188</v>
      </c>
      <c r="D31" s="348" t="s">
        <v>190</v>
      </c>
      <c r="E31" s="351">
        <v>99.2</v>
      </c>
      <c r="F31" s="352">
        <v>-0.2</v>
      </c>
      <c r="G31" s="351">
        <v>104.7</v>
      </c>
      <c r="H31" s="351">
        <v>-1.3</v>
      </c>
      <c r="I31" s="351">
        <v>101.2</v>
      </c>
      <c r="J31" s="351">
        <v>-1.1000000000000001</v>
      </c>
      <c r="K31" s="351">
        <v>94.9</v>
      </c>
      <c r="L31" s="351">
        <v>1.3</v>
      </c>
      <c r="M31" s="351">
        <v>88.5</v>
      </c>
      <c r="N31" s="351">
        <v>2.2000000000000002</v>
      </c>
      <c r="O31" s="351">
        <v>93.1</v>
      </c>
      <c r="P31" s="351">
        <v>-3.9</v>
      </c>
      <c r="Q31" s="351">
        <v>99.2</v>
      </c>
      <c r="R31" s="351">
        <v>-2.9</v>
      </c>
      <c r="S31" s="351">
        <v>81.900000000000006</v>
      </c>
      <c r="T31" s="351">
        <v>-13.7</v>
      </c>
      <c r="U31" s="351">
        <v>94.6</v>
      </c>
      <c r="V31" s="351">
        <v>-4.5999999999999996</v>
      </c>
      <c r="W31" s="351">
        <v>98.5</v>
      </c>
      <c r="X31" s="351">
        <v>0.1</v>
      </c>
      <c r="Y31" s="351">
        <v>92.5</v>
      </c>
      <c r="Z31" s="351">
        <v>1.1000000000000001</v>
      </c>
      <c r="AA31" s="351">
        <v>99.8</v>
      </c>
      <c r="AB31" s="351">
        <v>2.9</v>
      </c>
      <c r="AC31" s="351">
        <v>102</v>
      </c>
      <c r="AD31" s="351">
        <v>-0.7</v>
      </c>
      <c r="AE31" s="351">
        <v>102.7</v>
      </c>
      <c r="AF31" s="351">
        <v>4.7</v>
      </c>
      <c r="AG31" s="351">
        <v>79.7</v>
      </c>
      <c r="AH31" s="351">
        <v>-10.9</v>
      </c>
      <c r="AI31" s="351">
        <v>103.4</v>
      </c>
      <c r="AJ31" s="351">
        <v>0.9</v>
      </c>
      <c r="AK31" s="159"/>
    </row>
    <row r="32" spans="1:37" s="326" customFormat="1" ht="14.25" customHeight="1" x14ac:dyDescent="0.15">
      <c r="A32" s="553"/>
      <c r="B32" s="431"/>
      <c r="C32" s="347" t="s">
        <v>188</v>
      </c>
      <c r="D32" s="348" t="s">
        <v>191</v>
      </c>
      <c r="E32" s="349">
        <v>99.4</v>
      </c>
      <c r="F32" s="350">
        <v>0.2</v>
      </c>
      <c r="G32" s="349">
        <v>103.9</v>
      </c>
      <c r="H32" s="349">
        <v>-0.8</v>
      </c>
      <c r="I32" s="349">
        <v>102.6</v>
      </c>
      <c r="J32" s="349">
        <v>1.4</v>
      </c>
      <c r="K32" s="349">
        <v>98.7</v>
      </c>
      <c r="L32" s="349">
        <v>4</v>
      </c>
      <c r="M32" s="349">
        <v>88.5</v>
      </c>
      <c r="N32" s="349">
        <v>0</v>
      </c>
      <c r="O32" s="349">
        <v>91.2</v>
      </c>
      <c r="P32" s="349">
        <v>-2</v>
      </c>
      <c r="Q32" s="349">
        <v>98.9</v>
      </c>
      <c r="R32" s="349">
        <v>-0.3</v>
      </c>
      <c r="S32" s="349">
        <v>75.5</v>
      </c>
      <c r="T32" s="349">
        <v>-7.8</v>
      </c>
      <c r="U32" s="349">
        <v>94.8</v>
      </c>
      <c r="V32" s="349">
        <v>0.2</v>
      </c>
      <c r="W32" s="349">
        <v>97.9</v>
      </c>
      <c r="X32" s="349">
        <v>-0.6</v>
      </c>
      <c r="Y32" s="349">
        <v>95.2</v>
      </c>
      <c r="Z32" s="349">
        <v>2.9</v>
      </c>
      <c r="AA32" s="349">
        <v>104.4</v>
      </c>
      <c r="AB32" s="349">
        <v>4.5999999999999996</v>
      </c>
      <c r="AC32" s="349">
        <v>103</v>
      </c>
      <c r="AD32" s="349">
        <v>1</v>
      </c>
      <c r="AE32" s="349">
        <v>102.3</v>
      </c>
      <c r="AF32" s="349">
        <v>-0.4</v>
      </c>
      <c r="AG32" s="349">
        <v>69</v>
      </c>
      <c r="AH32" s="349">
        <v>-13.4</v>
      </c>
      <c r="AI32" s="349">
        <v>103.8</v>
      </c>
      <c r="AJ32" s="349">
        <v>0.4</v>
      </c>
      <c r="AK32" s="159"/>
    </row>
    <row r="33" spans="1:37" s="326" customFormat="1" ht="14.25" customHeight="1" x14ac:dyDescent="0.15">
      <c r="A33" s="553"/>
      <c r="B33" s="431"/>
      <c r="C33" s="347" t="s">
        <v>188</v>
      </c>
      <c r="D33" s="348" t="s">
        <v>192</v>
      </c>
      <c r="E33" s="351">
        <v>99.2</v>
      </c>
      <c r="F33" s="352">
        <v>-0.2</v>
      </c>
      <c r="G33" s="351">
        <v>102.7</v>
      </c>
      <c r="H33" s="351">
        <v>-1.2</v>
      </c>
      <c r="I33" s="351">
        <v>102.3</v>
      </c>
      <c r="J33" s="351">
        <v>-0.3</v>
      </c>
      <c r="K33" s="351">
        <v>101.9</v>
      </c>
      <c r="L33" s="351">
        <v>3.2</v>
      </c>
      <c r="M33" s="351">
        <v>87.8</v>
      </c>
      <c r="N33" s="351">
        <v>-0.8</v>
      </c>
      <c r="O33" s="351">
        <v>91.5</v>
      </c>
      <c r="P33" s="351">
        <v>0.3</v>
      </c>
      <c r="Q33" s="351">
        <v>97.9</v>
      </c>
      <c r="R33" s="351">
        <v>-1</v>
      </c>
      <c r="S33" s="351">
        <v>72.5</v>
      </c>
      <c r="T33" s="351">
        <v>-4</v>
      </c>
      <c r="U33" s="351">
        <v>97.1</v>
      </c>
      <c r="V33" s="351">
        <v>2.4</v>
      </c>
      <c r="W33" s="351">
        <v>96.9</v>
      </c>
      <c r="X33" s="351">
        <v>-1</v>
      </c>
      <c r="Y33" s="351">
        <v>94.1</v>
      </c>
      <c r="Z33" s="351">
        <v>-1.2</v>
      </c>
      <c r="AA33" s="351">
        <v>106</v>
      </c>
      <c r="AB33" s="351">
        <v>1.5</v>
      </c>
      <c r="AC33" s="351">
        <v>104.6</v>
      </c>
      <c r="AD33" s="351">
        <v>1.6</v>
      </c>
      <c r="AE33" s="351">
        <v>101.1</v>
      </c>
      <c r="AF33" s="351">
        <v>-1.2</v>
      </c>
      <c r="AG33" s="361">
        <v>76.5</v>
      </c>
      <c r="AH33" s="361">
        <v>10.9</v>
      </c>
      <c r="AI33" s="351">
        <v>104.9</v>
      </c>
      <c r="AJ33" s="351">
        <v>1.1000000000000001</v>
      </c>
      <c r="AK33" s="159"/>
    </row>
    <row r="34" spans="1:37" s="326" customFormat="1" ht="14.25" customHeight="1" x14ac:dyDescent="0.15">
      <c r="A34" s="553"/>
      <c r="B34" s="431"/>
      <c r="C34" s="347"/>
      <c r="D34" s="348"/>
      <c r="E34" s="351"/>
      <c r="F34" s="352"/>
      <c r="G34" s="351"/>
      <c r="H34" s="351"/>
      <c r="I34" s="351"/>
      <c r="J34" s="351"/>
      <c r="K34" s="351"/>
      <c r="L34" s="351"/>
      <c r="M34" s="351"/>
      <c r="N34" s="351"/>
      <c r="O34" s="351"/>
      <c r="P34" s="351"/>
      <c r="Q34" s="351"/>
      <c r="R34" s="351"/>
      <c r="S34" s="351"/>
      <c r="T34" s="351"/>
      <c r="U34" s="351"/>
      <c r="V34" s="351"/>
      <c r="W34" s="351"/>
      <c r="X34" s="351"/>
      <c r="Y34" s="351"/>
      <c r="Z34" s="351"/>
      <c r="AA34" s="351"/>
      <c r="AB34" s="351"/>
      <c r="AC34" s="351"/>
      <c r="AD34" s="351"/>
      <c r="AE34" s="351"/>
      <c r="AF34" s="351"/>
      <c r="AG34" s="361"/>
      <c r="AH34" s="361"/>
      <c r="AI34" s="351"/>
      <c r="AJ34" s="351"/>
      <c r="AK34" s="159"/>
    </row>
    <row r="35" spans="1:37" s="326" customFormat="1" ht="15" customHeight="1" x14ac:dyDescent="0.15">
      <c r="A35" s="553"/>
      <c r="B35" s="616" t="s">
        <v>0</v>
      </c>
      <c r="C35" s="347" t="s">
        <v>193</v>
      </c>
      <c r="D35" s="348" t="s">
        <v>194</v>
      </c>
      <c r="E35" s="349">
        <v>99.3</v>
      </c>
      <c r="F35" s="350">
        <v>0.5</v>
      </c>
      <c r="G35" s="349">
        <v>104.7</v>
      </c>
      <c r="H35" s="349">
        <v>1.2</v>
      </c>
      <c r="I35" s="349">
        <v>101.3</v>
      </c>
      <c r="J35" s="349">
        <v>-0.2</v>
      </c>
      <c r="K35" s="349">
        <v>99</v>
      </c>
      <c r="L35" s="349">
        <v>1.1000000000000001</v>
      </c>
      <c r="M35" s="349">
        <v>86.9</v>
      </c>
      <c r="N35" s="349">
        <v>-1.7</v>
      </c>
      <c r="O35" s="349">
        <v>92.7</v>
      </c>
      <c r="P35" s="349">
        <v>1.8</v>
      </c>
      <c r="Q35" s="349">
        <v>98.5</v>
      </c>
      <c r="R35" s="349">
        <v>0.6</v>
      </c>
      <c r="S35" s="349">
        <v>71.599999999999994</v>
      </c>
      <c r="T35" s="349">
        <v>-6.2</v>
      </c>
      <c r="U35" s="349">
        <v>95.4</v>
      </c>
      <c r="V35" s="349">
        <v>0.6</v>
      </c>
      <c r="W35" s="349">
        <v>97.2</v>
      </c>
      <c r="X35" s="349">
        <v>-0.2</v>
      </c>
      <c r="Y35" s="349">
        <v>97.3</v>
      </c>
      <c r="Z35" s="349">
        <v>1.9</v>
      </c>
      <c r="AA35" s="349">
        <v>104.6</v>
      </c>
      <c r="AB35" s="349">
        <v>0.4</v>
      </c>
      <c r="AC35" s="349">
        <v>102.6</v>
      </c>
      <c r="AD35" s="349">
        <v>-2.4</v>
      </c>
      <c r="AE35" s="349">
        <v>101.4</v>
      </c>
      <c r="AF35" s="349">
        <v>-0.6</v>
      </c>
      <c r="AG35" s="360">
        <v>82.3</v>
      </c>
      <c r="AH35" s="360">
        <v>340.1</v>
      </c>
      <c r="AI35" s="349">
        <v>104.9</v>
      </c>
      <c r="AJ35" s="349">
        <v>2.6</v>
      </c>
      <c r="AK35" s="159"/>
    </row>
    <row r="36" spans="1:37" s="326" customFormat="1" ht="15" customHeight="1" x14ac:dyDescent="0.15">
      <c r="A36" s="553"/>
      <c r="B36" s="616"/>
      <c r="C36" s="347"/>
      <c r="D36" s="348" t="s">
        <v>195</v>
      </c>
      <c r="E36" s="351">
        <v>98.8</v>
      </c>
      <c r="F36" s="352">
        <v>0</v>
      </c>
      <c r="G36" s="351">
        <v>103.5</v>
      </c>
      <c r="H36" s="351">
        <v>0.6</v>
      </c>
      <c r="I36" s="351">
        <v>102.2</v>
      </c>
      <c r="J36" s="351">
        <v>1.7</v>
      </c>
      <c r="K36" s="351">
        <v>98.5</v>
      </c>
      <c r="L36" s="351">
        <v>2.2000000000000002</v>
      </c>
      <c r="M36" s="351">
        <v>86.6</v>
      </c>
      <c r="N36" s="351">
        <v>-1.8</v>
      </c>
      <c r="O36" s="351">
        <v>89.7</v>
      </c>
      <c r="P36" s="351">
        <v>-1.4</v>
      </c>
      <c r="Q36" s="351">
        <v>98.3</v>
      </c>
      <c r="R36" s="351">
        <v>0.1</v>
      </c>
      <c r="S36" s="351">
        <v>70.7</v>
      </c>
      <c r="T36" s="351">
        <v>-8.4</v>
      </c>
      <c r="U36" s="351">
        <v>95.3</v>
      </c>
      <c r="V36" s="351">
        <v>1.1000000000000001</v>
      </c>
      <c r="W36" s="351">
        <v>97.2</v>
      </c>
      <c r="X36" s="351">
        <v>-0.1</v>
      </c>
      <c r="Y36" s="351">
        <v>95.8</v>
      </c>
      <c r="Z36" s="351">
        <v>2.5</v>
      </c>
      <c r="AA36" s="351">
        <v>102.3</v>
      </c>
      <c r="AB36" s="351">
        <v>-2.2999999999999998</v>
      </c>
      <c r="AC36" s="351">
        <v>101.8</v>
      </c>
      <c r="AD36" s="351">
        <v>-2.2999999999999998</v>
      </c>
      <c r="AE36" s="351">
        <v>101.3</v>
      </c>
      <c r="AF36" s="351">
        <v>-0.4</v>
      </c>
      <c r="AG36" s="361">
        <v>69</v>
      </c>
      <c r="AH36" s="361">
        <v>-16.5</v>
      </c>
      <c r="AI36" s="351">
        <v>105.2</v>
      </c>
      <c r="AJ36" s="351">
        <v>1.7</v>
      </c>
      <c r="AK36" s="159"/>
    </row>
    <row r="37" spans="1:37" s="326" customFormat="1" ht="15" customHeight="1" x14ac:dyDescent="0.15">
      <c r="A37" s="553"/>
      <c r="B37" s="616"/>
      <c r="C37" s="347"/>
      <c r="D37" s="348" t="s">
        <v>196</v>
      </c>
      <c r="E37" s="349">
        <v>98</v>
      </c>
      <c r="F37" s="350">
        <v>-0.6</v>
      </c>
      <c r="G37" s="349">
        <v>103.2</v>
      </c>
      <c r="H37" s="349">
        <v>0.6</v>
      </c>
      <c r="I37" s="349">
        <v>102.1</v>
      </c>
      <c r="J37" s="349">
        <v>0.7</v>
      </c>
      <c r="K37" s="349">
        <v>98.9</v>
      </c>
      <c r="L37" s="349">
        <v>-0.4</v>
      </c>
      <c r="M37" s="349">
        <v>85.8</v>
      </c>
      <c r="N37" s="349">
        <v>-2.2000000000000002</v>
      </c>
      <c r="O37" s="349">
        <v>89.3</v>
      </c>
      <c r="P37" s="349">
        <v>-1.2</v>
      </c>
      <c r="Q37" s="349">
        <v>97.6</v>
      </c>
      <c r="R37" s="349">
        <v>-0.2</v>
      </c>
      <c r="S37" s="349">
        <v>71</v>
      </c>
      <c r="T37" s="349">
        <v>-6.8</v>
      </c>
      <c r="U37" s="349">
        <v>95.2</v>
      </c>
      <c r="V37" s="349">
        <v>1.5</v>
      </c>
      <c r="W37" s="349">
        <v>96.9</v>
      </c>
      <c r="X37" s="349">
        <v>-1.8</v>
      </c>
      <c r="Y37" s="349">
        <v>94.1</v>
      </c>
      <c r="Z37" s="349">
        <v>2.1</v>
      </c>
      <c r="AA37" s="349">
        <v>104.1</v>
      </c>
      <c r="AB37" s="349">
        <v>2.2999999999999998</v>
      </c>
      <c r="AC37" s="349">
        <v>99.4</v>
      </c>
      <c r="AD37" s="349">
        <v>-3.8</v>
      </c>
      <c r="AE37" s="349">
        <v>99.7</v>
      </c>
      <c r="AF37" s="349">
        <v>-1.8</v>
      </c>
      <c r="AG37" s="360">
        <v>67.900000000000006</v>
      </c>
      <c r="AH37" s="360">
        <v>-17.600000000000001</v>
      </c>
      <c r="AI37" s="349">
        <v>104.2</v>
      </c>
      <c r="AJ37" s="349">
        <v>1.3</v>
      </c>
      <c r="AK37" s="159"/>
    </row>
    <row r="38" spans="1:37" s="326" customFormat="1" ht="15" customHeight="1" x14ac:dyDescent="0.15">
      <c r="A38" s="553"/>
      <c r="B38" s="616"/>
      <c r="C38" s="347"/>
      <c r="D38" s="348" t="s">
        <v>197</v>
      </c>
      <c r="E38" s="351">
        <v>99.5</v>
      </c>
      <c r="F38" s="352">
        <v>-0.3</v>
      </c>
      <c r="G38" s="351">
        <v>102.9</v>
      </c>
      <c r="H38" s="351">
        <v>-0.5</v>
      </c>
      <c r="I38" s="351">
        <v>103.8</v>
      </c>
      <c r="J38" s="351">
        <v>0.3</v>
      </c>
      <c r="K38" s="351">
        <v>103</v>
      </c>
      <c r="L38" s="351">
        <v>3.8</v>
      </c>
      <c r="M38" s="351">
        <v>89.6</v>
      </c>
      <c r="N38" s="351">
        <v>0</v>
      </c>
      <c r="O38" s="351">
        <v>91.6</v>
      </c>
      <c r="P38" s="351">
        <v>1.1000000000000001</v>
      </c>
      <c r="Q38" s="351">
        <v>97.6</v>
      </c>
      <c r="R38" s="351">
        <v>-1</v>
      </c>
      <c r="S38" s="351">
        <v>73.099999999999994</v>
      </c>
      <c r="T38" s="351">
        <v>-4.2</v>
      </c>
      <c r="U38" s="351">
        <v>97.9</v>
      </c>
      <c r="V38" s="351">
        <v>2.8</v>
      </c>
      <c r="W38" s="351">
        <v>98.2</v>
      </c>
      <c r="X38" s="351">
        <v>-1.4</v>
      </c>
      <c r="Y38" s="351">
        <v>94</v>
      </c>
      <c r="Z38" s="351">
        <v>2.1</v>
      </c>
      <c r="AA38" s="351">
        <v>104.6</v>
      </c>
      <c r="AB38" s="351">
        <v>1.4</v>
      </c>
      <c r="AC38" s="351">
        <v>101.4</v>
      </c>
      <c r="AD38" s="351">
        <v>-0.4</v>
      </c>
      <c r="AE38" s="351">
        <v>102.2</v>
      </c>
      <c r="AF38" s="351">
        <v>-2.2999999999999998</v>
      </c>
      <c r="AG38" s="361">
        <v>69.3</v>
      </c>
      <c r="AH38" s="361">
        <v>-13.9</v>
      </c>
      <c r="AI38" s="351">
        <v>105.3</v>
      </c>
      <c r="AJ38" s="351">
        <v>1.1000000000000001</v>
      </c>
      <c r="AK38" s="159"/>
    </row>
    <row r="39" spans="1:37" s="326" customFormat="1" ht="15" customHeight="1" x14ac:dyDescent="0.15">
      <c r="A39" s="553"/>
      <c r="B39" s="616"/>
      <c r="C39" s="347"/>
      <c r="D39" s="348" t="s">
        <v>198</v>
      </c>
      <c r="E39" s="349">
        <v>99.6</v>
      </c>
      <c r="F39" s="350">
        <v>-0.2</v>
      </c>
      <c r="G39" s="349">
        <v>102.5</v>
      </c>
      <c r="H39" s="349">
        <v>-0.1</v>
      </c>
      <c r="I39" s="349">
        <v>101.6</v>
      </c>
      <c r="J39" s="349">
        <v>-2.5</v>
      </c>
      <c r="K39" s="349">
        <v>103.4</v>
      </c>
      <c r="L39" s="349">
        <v>4.2</v>
      </c>
      <c r="M39" s="349">
        <v>89.4</v>
      </c>
      <c r="N39" s="349">
        <v>-0.8</v>
      </c>
      <c r="O39" s="349">
        <v>91.8</v>
      </c>
      <c r="P39" s="349">
        <v>1.2</v>
      </c>
      <c r="Q39" s="349">
        <v>97.6</v>
      </c>
      <c r="R39" s="349">
        <v>-1</v>
      </c>
      <c r="S39" s="349">
        <v>74.099999999999994</v>
      </c>
      <c r="T39" s="349">
        <v>-2.5</v>
      </c>
      <c r="U39" s="349">
        <v>97.8</v>
      </c>
      <c r="V39" s="349">
        <v>2.9</v>
      </c>
      <c r="W39" s="349">
        <v>98.5</v>
      </c>
      <c r="X39" s="349">
        <v>-0.4</v>
      </c>
      <c r="Y39" s="349">
        <v>94.1</v>
      </c>
      <c r="Z39" s="349">
        <v>1.2</v>
      </c>
      <c r="AA39" s="349">
        <v>105.3</v>
      </c>
      <c r="AB39" s="349">
        <v>0.8</v>
      </c>
      <c r="AC39" s="349">
        <v>105.4</v>
      </c>
      <c r="AD39" s="349">
        <v>2.4</v>
      </c>
      <c r="AE39" s="349">
        <v>102</v>
      </c>
      <c r="AF39" s="349">
        <v>-0.9</v>
      </c>
      <c r="AG39" s="360">
        <v>82</v>
      </c>
      <c r="AH39" s="360">
        <v>2</v>
      </c>
      <c r="AI39" s="349">
        <v>105.6</v>
      </c>
      <c r="AJ39" s="349">
        <v>1.3</v>
      </c>
      <c r="AK39" s="159"/>
    </row>
    <row r="40" spans="1:37" s="326" customFormat="1" ht="15" customHeight="1" x14ac:dyDescent="0.15">
      <c r="A40" s="553"/>
      <c r="B40" s="362">
        <v>30</v>
      </c>
      <c r="C40" s="347"/>
      <c r="D40" s="348" t="s">
        <v>199</v>
      </c>
      <c r="E40" s="351">
        <v>99.9</v>
      </c>
      <c r="F40" s="352">
        <v>-0.1</v>
      </c>
      <c r="G40" s="351">
        <v>102.7</v>
      </c>
      <c r="H40" s="351">
        <v>1</v>
      </c>
      <c r="I40" s="351">
        <v>104</v>
      </c>
      <c r="J40" s="351">
        <v>0.8</v>
      </c>
      <c r="K40" s="351">
        <v>104</v>
      </c>
      <c r="L40" s="351">
        <v>4.2</v>
      </c>
      <c r="M40" s="351">
        <v>88.6</v>
      </c>
      <c r="N40" s="351">
        <v>-0.7</v>
      </c>
      <c r="O40" s="351">
        <v>93.3</v>
      </c>
      <c r="P40" s="351">
        <v>2</v>
      </c>
      <c r="Q40" s="351">
        <v>97.8</v>
      </c>
      <c r="R40" s="351">
        <v>-1.7</v>
      </c>
      <c r="S40" s="351">
        <v>74</v>
      </c>
      <c r="T40" s="351">
        <v>-2.2000000000000002</v>
      </c>
      <c r="U40" s="351">
        <v>97.5</v>
      </c>
      <c r="V40" s="351">
        <v>3.1</v>
      </c>
      <c r="W40" s="351">
        <v>97.8</v>
      </c>
      <c r="X40" s="351">
        <v>0.1</v>
      </c>
      <c r="Y40" s="351">
        <v>92.9</v>
      </c>
      <c r="Z40" s="351">
        <v>-3.2</v>
      </c>
      <c r="AA40" s="351">
        <v>106</v>
      </c>
      <c r="AB40" s="351">
        <v>1.7</v>
      </c>
      <c r="AC40" s="351">
        <v>106.4</v>
      </c>
      <c r="AD40" s="351">
        <v>2.6</v>
      </c>
      <c r="AE40" s="351">
        <v>101.2</v>
      </c>
      <c r="AF40" s="351">
        <v>-1.9</v>
      </c>
      <c r="AG40" s="361">
        <v>82.5</v>
      </c>
      <c r="AH40" s="361">
        <v>2.2000000000000002</v>
      </c>
      <c r="AI40" s="351">
        <v>105.4</v>
      </c>
      <c r="AJ40" s="351">
        <v>1.1000000000000001</v>
      </c>
      <c r="AK40" s="159"/>
    </row>
    <row r="41" spans="1:37" s="326" customFormat="1" ht="15" customHeight="1" x14ac:dyDescent="0.15">
      <c r="A41" s="553"/>
      <c r="B41" s="617" t="s">
        <v>163</v>
      </c>
      <c r="C41" s="347"/>
      <c r="D41" s="348" t="s">
        <v>200</v>
      </c>
      <c r="E41" s="349">
        <v>99.8</v>
      </c>
      <c r="F41" s="350">
        <v>-0.2</v>
      </c>
      <c r="G41" s="349">
        <v>103</v>
      </c>
      <c r="H41" s="349">
        <v>-1.2</v>
      </c>
      <c r="I41" s="349">
        <v>103.5</v>
      </c>
      <c r="J41" s="349">
        <v>-0.7</v>
      </c>
      <c r="K41" s="349">
        <v>102.6</v>
      </c>
      <c r="L41" s="349">
        <v>3.8</v>
      </c>
      <c r="M41" s="349">
        <v>88.2</v>
      </c>
      <c r="N41" s="349">
        <v>-1.2</v>
      </c>
      <c r="O41" s="349">
        <v>92.6</v>
      </c>
      <c r="P41" s="349">
        <v>0.8</v>
      </c>
      <c r="Q41" s="349">
        <v>97.8</v>
      </c>
      <c r="R41" s="349">
        <v>-1.4</v>
      </c>
      <c r="S41" s="349">
        <v>73.599999999999994</v>
      </c>
      <c r="T41" s="349">
        <v>-4</v>
      </c>
      <c r="U41" s="349">
        <v>97.8</v>
      </c>
      <c r="V41" s="349">
        <v>2.9</v>
      </c>
      <c r="W41" s="349">
        <v>97.7</v>
      </c>
      <c r="X41" s="349">
        <v>0.2</v>
      </c>
      <c r="Y41" s="349">
        <v>93.8</v>
      </c>
      <c r="Z41" s="349">
        <v>-3.3</v>
      </c>
      <c r="AA41" s="349">
        <v>107.2</v>
      </c>
      <c r="AB41" s="349">
        <v>1.4</v>
      </c>
      <c r="AC41" s="349">
        <v>106.3</v>
      </c>
      <c r="AD41" s="349">
        <v>3.7</v>
      </c>
      <c r="AE41" s="349">
        <v>101.3</v>
      </c>
      <c r="AF41" s="349">
        <v>-0.8</v>
      </c>
      <c r="AG41" s="360">
        <v>82.3</v>
      </c>
      <c r="AH41" s="360">
        <v>1.7</v>
      </c>
      <c r="AI41" s="349">
        <v>105.5</v>
      </c>
      <c r="AJ41" s="349">
        <v>1.2</v>
      </c>
      <c r="AK41" s="159"/>
    </row>
    <row r="42" spans="1:37" s="326" customFormat="1" ht="15" customHeight="1" x14ac:dyDescent="0.15">
      <c r="A42" s="553"/>
      <c r="B42" s="617"/>
      <c r="C42" s="347"/>
      <c r="D42" s="348" t="s">
        <v>201</v>
      </c>
      <c r="E42" s="351">
        <v>99.2</v>
      </c>
      <c r="F42" s="352">
        <v>-0.4</v>
      </c>
      <c r="G42" s="351">
        <v>102.2</v>
      </c>
      <c r="H42" s="351">
        <v>-2</v>
      </c>
      <c r="I42" s="351">
        <v>101.1</v>
      </c>
      <c r="J42" s="351">
        <v>-2.7</v>
      </c>
      <c r="K42" s="351">
        <v>102.4</v>
      </c>
      <c r="L42" s="351">
        <v>4.9000000000000004</v>
      </c>
      <c r="M42" s="351">
        <v>87.5</v>
      </c>
      <c r="N42" s="351">
        <v>-1.9</v>
      </c>
      <c r="O42" s="351">
        <v>91.5</v>
      </c>
      <c r="P42" s="351">
        <v>-0.3</v>
      </c>
      <c r="Q42" s="351">
        <v>98.1</v>
      </c>
      <c r="R42" s="351">
        <v>-1</v>
      </c>
      <c r="S42" s="351">
        <v>72.2</v>
      </c>
      <c r="T42" s="351">
        <v>-6.4</v>
      </c>
      <c r="U42" s="351">
        <v>97.7</v>
      </c>
      <c r="V42" s="351">
        <v>2.7</v>
      </c>
      <c r="W42" s="351">
        <v>97.8</v>
      </c>
      <c r="X42" s="351">
        <v>0.3</v>
      </c>
      <c r="Y42" s="351">
        <v>94.1</v>
      </c>
      <c r="Z42" s="351">
        <v>-1.2</v>
      </c>
      <c r="AA42" s="351">
        <v>107.6</v>
      </c>
      <c r="AB42" s="351">
        <v>1.9</v>
      </c>
      <c r="AC42" s="351">
        <v>105.7</v>
      </c>
      <c r="AD42" s="351">
        <v>4.2</v>
      </c>
      <c r="AE42" s="351">
        <v>101</v>
      </c>
      <c r="AF42" s="351">
        <v>-0.7</v>
      </c>
      <c r="AG42" s="361">
        <v>81.900000000000006</v>
      </c>
      <c r="AH42" s="361">
        <v>0.5</v>
      </c>
      <c r="AI42" s="351">
        <v>105.2</v>
      </c>
      <c r="AJ42" s="351">
        <v>1.7</v>
      </c>
      <c r="AK42" s="159"/>
    </row>
    <row r="43" spans="1:37" s="326" customFormat="1" ht="15" customHeight="1" x14ac:dyDescent="0.15">
      <c r="A43" s="553"/>
      <c r="B43" s="617"/>
      <c r="C43" s="347"/>
      <c r="D43" s="348" t="s">
        <v>202</v>
      </c>
      <c r="E43" s="349">
        <v>99.3</v>
      </c>
      <c r="F43" s="350">
        <v>0.1</v>
      </c>
      <c r="G43" s="349">
        <v>102.2</v>
      </c>
      <c r="H43" s="349">
        <v>-2.7</v>
      </c>
      <c r="I43" s="349">
        <v>103.2</v>
      </c>
      <c r="J43" s="349">
        <v>-0.4</v>
      </c>
      <c r="K43" s="349">
        <v>102.5</v>
      </c>
      <c r="L43" s="349">
        <v>4.3</v>
      </c>
      <c r="M43" s="349">
        <v>87.3</v>
      </c>
      <c r="N43" s="349">
        <v>-1.8</v>
      </c>
      <c r="O43" s="349">
        <v>92</v>
      </c>
      <c r="P43" s="349">
        <v>1.4</v>
      </c>
      <c r="Q43" s="349">
        <v>98</v>
      </c>
      <c r="R43" s="349">
        <v>-1.1000000000000001</v>
      </c>
      <c r="S43" s="349">
        <v>72.2</v>
      </c>
      <c r="T43" s="349">
        <v>-5.9</v>
      </c>
      <c r="U43" s="349">
        <v>97.9</v>
      </c>
      <c r="V43" s="349">
        <v>3.4</v>
      </c>
      <c r="W43" s="349">
        <v>95.3</v>
      </c>
      <c r="X43" s="349">
        <v>-2.2999999999999998</v>
      </c>
      <c r="Y43" s="349">
        <v>93.4</v>
      </c>
      <c r="Z43" s="349">
        <v>-1.9</v>
      </c>
      <c r="AA43" s="349">
        <v>107.1</v>
      </c>
      <c r="AB43" s="349">
        <v>0.8</v>
      </c>
      <c r="AC43" s="349">
        <v>104.6</v>
      </c>
      <c r="AD43" s="349">
        <v>2.8</v>
      </c>
      <c r="AE43" s="349">
        <v>101.2</v>
      </c>
      <c r="AF43" s="349">
        <v>-0.7</v>
      </c>
      <c r="AG43" s="360">
        <v>81.3</v>
      </c>
      <c r="AH43" s="360">
        <v>310.60000000000002</v>
      </c>
      <c r="AI43" s="349">
        <v>105.1</v>
      </c>
      <c r="AJ43" s="349">
        <v>1.9</v>
      </c>
      <c r="AK43" s="159"/>
    </row>
    <row r="44" spans="1:37" s="326" customFormat="1" ht="15" customHeight="1" x14ac:dyDescent="0.15">
      <c r="A44" s="553"/>
      <c r="B44" s="431"/>
      <c r="C44" s="347"/>
      <c r="D44" s="348" t="s">
        <v>203</v>
      </c>
      <c r="E44" s="351">
        <v>99.2</v>
      </c>
      <c r="F44" s="352">
        <v>-0.2</v>
      </c>
      <c r="G44" s="351">
        <v>102.4</v>
      </c>
      <c r="H44" s="351">
        <v>-2.9</v>
      </c>
      <c r="I44" s="351">
        <v>103.1</v>
      </c>
      <c r="J44" s="351">
        <v>1.4</v>
      </c>
      <c r="K44" s="351">
        <v>103.2</v>
      </c>
      <c r="L44" s="351">
        <v>4.0999999999999996</v>
      </c>
      <c r="M44" s="351">
        <v>87.5</v>
      </c>
      <c r="N44" s="351">
        <v>-0.5</v>
      </c>
      <c r="O44" s="351">
        <v>91.9</v>
      </c>
      <c r="P44" s="351">
        <v>1.3</v>
      </c>
      <c r="Q44" s="351">
        <v>97.8</v>
      </c>
      <c r="R44" s="351">
        <v>-1.8</v>
      </c>
      <c r="S44" s="351">
        <v>72.099999999999994</v>
      </c>
      <c r="T44" s="351">
        <v>-0.8</v>
      </c>
      <c r="U44" s="351">
        <v>97.4</v>
      </c>
      <c r="V44" s="351">
        <v>2.6</v>
      </c>
      <c r="W44" s="351">
        <v>95.7</v>
      </c>
      <c r="X44" s="351">
        <v>-2.1</v>
      </c>
      <c r="Y44" s="351">
        <v>92.8</v>
      </c>
      <c r="Z44" s="351">
        <v>-4.2</v>
      </c>
      <c r="AA44" s="351">
        <v>107.7</v>
      </c>
      <c r="AB44" s="351">
        <v>3.7</v>
      </c>
      <c r="AC44" s="351">
        <v>106.7</v>
      </c>
      <c r="AD44" s="351">
        <v>3.8</v>
      </c>
      <c r="AE44" s="351">
        <v>100.8</v>
      </c>
      <c r="AF44" s="351">
        <v>-1.6</v>
      </c>
      <c r="AG44" s="361">
        <v>68.400000000000006</v>
      </c>
      <c r="AH44" s="361">
        <v>-0.6</v>
      </c>
      <c r="AI44" s="351">
        <v>104.5</v>
      </c>
      <c r="AJ44" s="351">
        <v>0.4</v>
      </c>
      <c r="AK44" s="159"/>
    </row>
    <row r="45" spans="1:37" s="326" customFormat="1" ht="15" customHeight="1" x14ac:dyDescent="0.15">
      <c r="A45" s="553"/>
      <c r="B45" s="431"/>
      <c r="C45" s="347"/>
      <c r="D45" s="348" t="s">
        <v>204</v>
      </c>
      <c r="E45" s="349">
        <v>98.8</v>
      </c>
      <c r="F45" s="350">
        <v>-0.8</v>
      </c>
      <c r="G45" s="349">
        <v>101.3</v>
      </c>
      <c r="H45" s="349">
        <v>-3.8</v>
      </c>
      <c r="I45" s="349">
        <v>100.9</v>
      </c>
      <c r="J45" s="349">
        <v>-0.4</v>
      </c>
      <c r="K45" s="349">
        <v>103</v>
      </c>
      <c r="L45" s="349">
        <v>3.7</v>
      </c>
      <c r="M45" s="349">
        <v>88.4</v>
      </c>
      <c r="N45" s="349">
        <v>1.5</v>
      </c>
      <c r="O45" s="349">
        <v>91.1</v>
      </c>
      <c r="P45" s="349">
        <v>-0.7</v>
      </c>
      <c r="Q45" s="349">
        <v>97.7</v>
      </c>
      <c r="R45" s="349">
        <v>-2.1</v>
      </c>
      <c r="S45" s="349">
        <v>72.599999999999994</v>
      </c>
      <c r="T45" s="349">
        <v>0</v>
      </c>
      <c r="U45" s="349">
        <v>97.4</v>
      </c>
      <c r="V45" s="349">
        <v>2.2999999999999998</v>
      </c>
      <c r="W45" s="349">
        <v>95.5</v>
      </c>
      <c r="X45" s="349">
        <v>-2.2000000000000002</v>
      </c>
      <c r="Y45" s="349">
        <v>92.9</v>
      </c>
      <c r="Z45" s="349">
        <v>-4.9000000000000004</v>
      </c>
      <c r="AA45" s="349">
        <v>108.1</v>
      </c>
      <c r="AB45" s="349">
        <v>4.3</v>
      </c>
      <c r="AC45" s="349">
        <v>107.4</v>
      </c>
      <c r="AD45" s="349">
        <v>4.0999999999999996</v>
      </c>
      <c r="AE45" s="349">
        <v>100.6</v>
      </c>
      <c r="AF45" s="349">
        <v>-1.8</v>
      </c>
      <c r="AG45" s="360">
        <v>68.400000000000006</v>
      </c>
      <c r="AH45" s="349">
        <v>-17.100000000000001</v>
      </c>
      <c r="AI45" s="349">
        <v>104.2</v>
      </c>
      <c r="AJ45" s="349">
        <v>-0.8</v>
      </c>
      <c r="AK45" s="159"/>
    </row>
    <row r="46" spans="1:37" s="326" customFormat="1" ht="15" customHeight="1" x14ac:dyDescent="0.15">
      <c r="A46" s="553"/>
      <c r="B46" s="431"/>
      <c r="C46" s="347"/>
      <c r="D46" s="348" t="s">
        <v>205</v>
      </c>
      <c r="E46" s="351">
        <v>99.1</v>
      </c>
      <c r="F46" s="352">
        <v>-0.4</v>
      </c>
      <c r="G46" s="351">
        <v>101.6</v>
      </c>
      <c r="H46" s="351">
        <v>-3.4</v>
      </c>
      <c r="I46" s="351">
        <v>101.3</v>
      </c>
      <c r="J46" s="351">
        <v>-0.3</v>
      </c>
      <c r="K46" s="351">
        <v>102.3</v>
      </c>
      <c r="L46" s="351">
        <v>3.2</v>
      </c>
      <c r="M46" s="351">
        <v>88.2</v>
      </c>
      <c r="N46" s="351">
        <v>1.7</v>
      </c>
      <c r="O46" s="351">
        <v>91</v>
      </c>
      <c r="P46" s="351">
        <v>-1.5</v>
      </c>
      <c r="Q46" s="351">
        <v>98</v>
      </c>
      <c r="R46" s="351">
        <v>-1.4</v>
      </c>
      <c r="S46" s="351">
        <v>72.900000000000006</v>
      </c>
      <c r="T46" s="351">
        <v>0.8</v>
      </c>
      <c r="U46" s="351">
        <v>97.7</v>
      </c>
      <c r="V46" s="351">
        <v>2.5</v>
      </c>
      <c r="W46" s="351">
        <v>95.1</v>
      </c>
      <c r="X46" s="351">
        <v>-2.4</v>
      </c>
      <c r="Y46" s="351">
        <v>94.1</v>
      </c>
      <c r="Z46" s="351">
        <v>-4.5</v>
      </c>
      <c r="AA46" s="351">
        <v>107.4</v>
      </c>
      <c r="AB46" s="351">
        <v>2.9</v>
      </c>
      <c r="AC46" s="351">
        <v>107.7</v>
      </c>
      <c r="AD46" s="351">
        <v>4.4000000000000004</v>
      </c>
      <c r="AE46" s="351">
        <v>100.9</v>
      </c>
      <c r="AF46" s="351">
        <v>-0.4</v>
      </c>
      <c r="AG46" s="351">
        <v>82.4</v>
      </c>
      <c r="AH46" s="351">
        <v>19.399999999999999</v>
      </c>
      <c r="AI46" s="351">
        <v>104</v>
      </c>
      <c r="AJ46" s="351">
        <v>-1.1000000000000001</v>
      </c>
      <c r="AK46" s="159"/>
    </row>
    <row r="47" spans="1:37" s="326" customFormat="1" ht="14.25" customHeight="1" x14ac:dyDescent="0.15">
      <c r="A47" s="553"/>
      <c r="B47" s="431"/>
      <c r="C47" s="347"/>
      <c r="D47" s="348"/>
      <c r="E47" s="351"/>
      <c r="F47" s="352"/>
      <c r="G47" s="351"/>
      <c r="H47" s="351"/>
      <c r="I47" s="351"/>
      <c r="J47" s="351"/>
      <c r="K47" s="351"/>
      <c r="L47" s="351"/>
      <c r="M47" s="351"/>
      <c r="N47" s="351"/>
      <c r="O47" s="351"/>
      <c r="P47" s="351"/>
      <c r="Q47" s="351"/>
      <c r="R47" s="351"/>
      <c r="S47" s="351"/>
      <c r="T47" s="351"/>
      <c r="U47" s="351"/>
      <c r="V47" s="351"/>
      <c r="W47" s="351"/>
      <c r="X47" s="351"/>
      <c r="Y47" s="351"/>
      <c r="Z47" s="351"/>
      <c r="AA47" s="351"/>
      <c r="AB47" s="351"/>
      <c r="AC47" s="351"/>
      <c r="AD47" s="351"/>
      <c r="AE47" s="351"/>
      <c r="AF47" s="351"/>
      <c r="AG47" s="361"/>
      <c r="AH47" s="361"/>
      <c r="AI47" s="351"/>
      <c r="AJ47" s="351"/>
      <c r="AK47" s="159"/>
    </row>
    <row r="48" spans="1:37" s="326" customFormat="1" ht="14.25" customHeight="1" x14ac:dyDescent="0.15">
      <c r="A48" s="553"/>
      <c r="B48" s="431"/>
      <c r="C48" s="347" t="s">
        <v>206</v>
      </c>
      <c r="D48" s="348" t="s">
        <v>194</v>
      </c>
      <c r="E48" s="349">
        <v>98.6</v>
      </c>
      <c r="F48" s="350">
        <v>-0.7</v>
      </c>
      <c r="G48" s="349">
        <v>101</v>
      </c>
      <c r="H48" s="349">
        <v>-3.5</v>
      </c>
      <c r="I48" s="349">
        <v>99.8</v>
      </c>
      <c r="J48" s="349">
        <v>-1.5</v>
      </c>
      <c r="K48" s="349">
        <v>102.3</v>
      </c>
      <c r="L48" s="349">
        <v>3.3</v>
      </c>
      <c r="M48" s="349">
        <v>87.8</v>
      </c>
      <c r="N48" s="349">
        <v>1</v>
      </c>
      <c r="O48" s="349">
        <v>90.3</v>
      </c>
      <c r="P48" s="349">
        <v>-2.6</v>
      </c>
      <c r="Q48" s="349">
        <v>98.5</v>
      </c>
      <c r="R48" s="349">
        <v>0</v>
      </c>
      <c r="S48" s="349">
        <v>73</v>
      </c>
      <c r="T48" s="349">
        <v>2</v>
      </c>
      <c r="U48" s="349">
        <v>98</v>
      </c>
      <c r="V48" s="349">
        <v>2.7</v>
      </c>
      <c r="W48" s="349">
        <v>95.2</v>
      </c>
      <c r="X48" s="349">
        <v>-2.1</v>
      </c>
      <c r="Y48" s="349">
        <v>93.4</v>
      </c>
      <c r="Z48" s="349">
        <v>-4</v>
      </c>
      <c r="AA48" s="349">
        <v>107.8</v>
      </c>
      <c r="AB48" s="349">
        <v>3.1</v>
      </c>
      <c r="AC48" s="349">
        <v>106.5</v>
      </c>
      <c r="AD48" s="349">
        <v>3.8</v>
      </c>
      <c r="AE48" s="349">
        <v>100.5</v>
      </c>
      <c r="AF48" s="349">
        <v>-0.9</v>
      </c>
      <c r="AG48" s="349">
        <v>81</v>
      </c>
      <c r="AH48" s="349">
        <v>-1.6</v>
      </c>
      <c r="AI48" s="349">
        <v>104.1</v>
      </c>
      <c r="AJ48" s="349">
        <v>-0.8</v>
      </c>
      <c r="AK48" s="159"/>
    </row>
    <row r="49" spans="1:36" ht="11.25" customHeight="1" thickBot="1" x14ac:dyDescent="0.2">
      <c r="A49" s="553"/>
      <c r="B49" s="433"/>
      <c r="C49" s="363"/>
      <c r="D49" s="364"/>
      <c r="E49" s="434"/>
      <c r="F49" s="435"/>
      <c r="G49" s="434"/>
      <c r="H49" s="434"/>
      <c r="I49" s="434"/>
      <c r="J49" s="434"/>
      <c r="K49" s="434"/>
      <c r="L49" s="434"/>
      <c r="M49" s="434"/>
      <c r="N49" s="434"/>
      <c r="O49" s="434"/>
      <c r="P49" s="434"/>
      <c r="Q49" s="434"/>
      <c r="R49" s="434"/>
      <c r="S49" s="434"/>
      <c r="T49" s="434"/>
      <c r="U49" s="434"/>
      <c r="V49" s="434"/>
      <c r="W49" s="434"/>
      <c r="X49" s="434"/>
      <c r="Y49" s="434"/>
      <c r="Z49" s="434"/>
      <c r="AA49" s="434"/>
      <c r="AB49" s="434"/>
      <c r="AC49" s="434"/>
      <c r="AD49" s="434"/>
      <c r="AE49" s="434"/>
      <c r="AF49" s="434"/>
      <c r="AG49" s="434"/>
      <c r="AH49" s="434"/>
      <c r="AI49" s="434"/>
      <c r="AJ49" s="434"/>
    </row>
    <row r="50" spans="1:36" ht="14.1" customHeight="1" x14ac:dyDescent="0.15">
      <c r="A50" s="553"/>
      <c r="C50" s="611" t="s">
        <v>207</v>
      </c>
      <c r="D50" s="612"/>
      <c r="E50" s="612"/>
      <c r="F50" s="612"/>
      <c r="G50" s="612"/>
      <c r="H50" s="612"/>
      <c r="I50" s="612"/>
      <c r="J50" s="612"/>
      <c r="K50" s="612"/>
      <c r="L50" s="612"/>
      <c r="M50" s="613"/>
      <c r="N50" s="613"/>
      <c r="O50" s="613"/>
      <c r="P50" s="613"/>
      <c r="Q50" s="613"/>
      <c r="R50" s="613"/>
      <c r="S50" s="613"/>
      <c r="T50" s="613"/>
      <c r="U50" s="613"/>
      <c r="V50" s="613"/>
      <c r="W50" s="613"/>
      <c r="X50" s="613"/>
      <c r="Y50" s="613"/>
      <c r="Z50" s="613"/>
      <c r="AA50" s="613"/>
      <c r="AB50" s="613"/>
      <c r="AC50" s="613"/>
      <c r="AD50" s="613"/>
      <c r="AE50" s="613"/>
      <c r="AF50" s="613"/>
      <c r="AJ50" s="458"/>
    </row>
  </sheetData>
  <sheetProtection selectLockedCells="1" selectUnlockedCells="1"/>
  <protectedRanges>
    <protectedRange sqref="AI26:AJ26" name="範囲1_1_3_1"/>
    <protectedRange sqref="AI47:AJ47" name="範囲1_1_3_2"/>
  </protectedRanges>
  <mergeCells count="54">
    <mergeCell ref="AG6:AH6"/>
    <mergeCell ref="AI6:AJ6"/>
    <mergeCell ref="B8:B28"/>
    <mergeCell ref="B35:B39"/>
    <mergeCell ref="B41:B43"/>
    <mergeCell ref="C50:AF50"/>
    <mergeCell ref="U6:V6"/>
    <mergeCell ref="W6:X6"/>
    <mergeCell ref="Y6:Z6"/>
    <mergeCell ref="AA6:AB6"/>
    <mergeCell ref="AC6:AD6"/>
    <mergeCell ref="AE6:AF6"/>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AA4:AB4"/>
    <mergeCell ref="AC4:AD4"/>
    <mergeCell ref="AE4:AF4"/>
    <mergeCell ref="AG4:AH4"/>
    <mergeCell ref="AI4:AJ4"/>
    <mergeCell ref="K5:L5"/>
    <mergeCell ref="M5:N5"/>
    <mergeCell ref="O5:P5"/>
    <mergeCell ref="Q5:R5"/>
    <mergeCell ref="S5:T5"/>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s>
  <phoneticPr fontId="3"/>
  <printOptions horizontalCentered="1"/>
  <pageMargins left="0.59055118110236227" right="0.59055118110236227" top="0.39370078740157483" bottom="0.59055118110236227" header="0" footer="0.19685039370078741"/>
  <pageSetup paperSize="9" scale="72" orientation="landscape" errors="blank" r:id="rId1"/>
  <headerFooter alignWithMargins="0"/>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276CF2B-2464-4E80-8304-E1DE1E457087}">
  <sheetPr>
    <tabColor rgb="FFFF9933"/>
    <pageSetUpPr fitToPage="1"/>
  </sheetPr>
  <dimension ref="A2:T42"/>
  <sheetViews>
    <sheetView showGridLines="0" view="pageBreakPreview" topLeftCell="A17" zoomScaleNormal="115" zoomScaleSheetLayoutView="100" workbookViewId="0">
      <selection activeCell="J23" sqref="J23"/>
    </sheetView>
  </sheetViews>
  <sheetFormatPr defaultRowHeight="13.5" x14ac:dyDescent="0.15"/>
  <cols>
    <col min="1" max="1" width="2.625" style="459" customWidth="1"/>
    <col min="2" max="2" width="5.375" style="459" customWidth="1"/>
    <col min="3" max="3" width="10.125" style="459" customWidth="1"/>
    <col min="4" max="4" width="13" style="459" customWidth="1"/>
    <col min="5" max="5" width="12.625" style="459" customWidth="1"/>
    <col min="6" max="6" width="12" style="459" customWidth="1"/>
    <col min="7" max="7" width="12.625" style="459" customWidth="1"/>
    <col min="8" max="9" width="12" style="459" customWidth="1"/>
    <col min="10" max="248" width="9" style="459"/>
    <col min="249" max="249" width="2.625" style="459" customWidth="1"/>
    <col min="250" max="250" width="5.375" style="459" customWidth="1"/>
    <col min="251" max="251" width="8.125" style="459" customWidth="1"/>
    <col min="252" max="262" width="7.625" style="459" customWidth="1"/>
    <col min="263" max="504" width="9" style="459"/>
    <col min="505" max="505" width="2.625" style="459" customWidth="1"/>
    <col min="506" max="506" width="5.375" style="459" customWidth="1"/>
    <col min="507" max="507" width="8.125" style="459" customWidth="1"/>
    <col min="508" max="518" width="7.625" style="459" customWidth="1"/>
    <col min="519" max="760" width="9" style="459"/>
    <col min="761" max="761" width="2.625" style="459" customWidth="1"/>
    <col min="762" max="762" width="5.375" style="459" customWidth="1"/>
    <col min="763" max="763" width="8.125" style="459" customWidth="1"/>
    <col min="764" max="774" width="7.625" style="459" customWidth="1"/>
    <col min="775" max="1016" width="9" style="459"/>
    <col min="1017" max="1017" width="2.625" style="459" customWidth="1"/>
    <col min="1018" max="1018" width="5.375" style="459" customWidth="1"/>
    <col min="1019" max="1019" width="8.125" style="459" customWidth="1"/>
    <col min="1020" max="1030" width="7.625" style="459" customWidth="1"/>
    <col min="1031" max="1272" width="9" style="459"/>
    <col min="1273" max="1273" width="2.625" style="459" customWidth="1"/>
    <col min="1274" max="1274" width="5.375" style="459" customWidth="1"/>
    <col min="1275" max="1275" width="8.125" style="459" customWidth="1"/>
    <col min="1276" max="1286" width="7.625" style="459" customWidth="1"/>
    <col min="1287" max="1528" width="9" style="459"/>
    <col min="1529" max="1529" width="2.625" style="459" customWidth="1"/>
    <col min="1530" max="1530" width="5.375" style="459" customWidth="1"/>
    <col min="1531" max="1531" width="8.125" style="459" customWidth="1"/>
    <col min="1532" max="1542" width="7.625" style="459" customWidth="1"/>
    <col min="1543" max="1784" width="9" style="459"/>
    <col min="1785" max="1785" width="2.625" style="459" customWidth="1"/>
    <col min="1786" max="1786" width="5.375" style="459" customWidth="1"/>
    <col min="1787" max="1787" width="8.125" style="459" customWidth="1"/>
    <col min="1788" max="1798" width="7.625" style="459" customWidth="1"/>
    <col min="1799" max="2040" width="9" style="459"/>
    <col min="2041" max="2041" width="2.625" style="459" customWidth="1"/>
    <col min="2042" max="2042" width="5.375" style="459" customWidth="1"/>
    <col min="2043" max="2043" width="8.125" style="459" customWidth="1"/>
    <col min="2044" max="2054" width="7.625" style="459" customWidth="1"/>
    <col min="2055" max="2296" width="9" style="459"/>
    <col min="2297" max="2297" width="2.625" style="459" customWidth="1"/>
    <col min="2298" max="2298" width="5.375" style="459" customWidth="1"/>
    <col min="2299" max="2299" width="8.125" style="459" customWidth="1"/>
    <col min="2300" max="2310" width="7.625" style="459" customWidth="1"/>
    <col min="2311" max="2552" width="9" style="459"/>
    <col min="2553" max="2553" width="2.625" style="459" customWidth="1"/>
    <col min="2554" max="2554" width="5.375" style="459" customWidth="1"/>
    <col min="2555" max="2555" width="8.125" style="459" customWidth="1"/>
    <col min="2556" max="2566" width="7.625" style="459" customWidth="1"/>
    <col min="2567" max="2808" width="9" style="459"/>
    <col min="2809" max="2809" width="2.625" style="459" customWidth="1"/>
    <col min="2810" max="2810" width="5.375" style="459" customWidth="1"/>
    <col min="2811" max="2811" width="8.125" style="459" customWidth="1"/>
    <col min="2812" max="2822" width="7.625" style="459" customWidth="1"/>
    <col min="2823" max="3064" width="9" style="459"/>
    <col min="3065" max="3065" width="2.625" style="459" customWidth="1"/>
    <col min="3066" max="3066" width="5.375" style="459" customWidth="1"/>
    <col min="3067" max="3067" width="8.125" style="459" customWidth="1"/>
    <col min="3068" max="3078" width="7.625" style="459" customWidth="1"/>
    <col min="3079" max="3320" width="9" style="459"/>
    <col min="3321" max="3321" width="2.625" style="459" customWidth="1"/>
    <col min="3322" max="3322" width="5.375" style="459" customWidth="1"/>
    <col min="3323" max="3323" width="8.125" style="459" customWidth="1"/>
    <col min="3324" max="3334" width="7.625" style="459" customWidth="1"/>
    <col min="3335" max="3576" width="9" style="459"/>
    <col min="3577" max="3577" width="2.625" style="459" customWidth="1"/>
    <col min="3578" max="3578" width="5.375" style="459" customWidth="1"/>
    <col min="3579" max="3579" width="8.125" style="459" customWidth="1"/>
    <col min="3580" max="3590" width="7.625" style="459" customWidth="1"/>
    <col min="3591" max="3832" width="9" style="459"/>
    <col min="3833" max="3833" width="2.625" style="459" customWidth="1"/>
    <col min="3834" max="3834" width="5.375" style="459" customWidth="1"/>
    <col min="3835" max="3835" width="8.125" style="459" customWidth="1"/>
    <col min="3836" max="3846" width="7.625" style="459" customWidth="1"/>
    <col min="3847" max="4088" width="9" style="459"/>
    <col min="4089" max="4089" width="2.625" style="459" customWidth="1"/>
    <col min="4090" max="4090" width="5.375" style="459" customWidth="1"/>
    <col min="4091" max="4091" width="8.125" style="459" customWidth="1"/>
    <col min="4092" max="4102" width="7.625" style="459" customWidth="1"/>
    <col min="4103" max="4344" width="9" style="459"/>
    <col min="4345" max="4345" width="2.625" style="459" customWidth="1"/>
    <col min="4346" max="4346" width="5.375" style="459" customWidth="1"/>
    <col min="4347" max="4347" width="8.125" style="459" customWidth="1"/>
    <col min="4348" max="4358" width="7.625" style="459" customWidth="1"/>
    <col min="4359" max="4600" width="9" style="459"/>
    <col min="4601" max="4601" width="2.625" style="459" customWidth="1"/>
    <col min="4602" max="4602" width="5.375" style="459" customWidth="1"/>
    <col min="4603" max="4603" width="8.125" style="459" customWidth="1"/>
    <col min="4604" max="4614" width="7.625" style="459" customWidth="1"/>
    <col min="4615" max="4856" width="9" style="459"/>
    <col min="4857" max="4857" width="2.625" style="459" customWidth="1"/>
    <col min="4858" max="4858" width="5.375" style="459" customWidth="1"/>
    <col min="4859" max="4859" width="8.125" style="459" customWidth="1"/>
    <col min="4860" max="4870" width="7.625" style="459" customWidth="1"/>
    <col min="4871" max="5112" width="9" style="459"/>
    <col min="5113" max="5113" width="2.625" style="459" customWidth="1"/>
    <col min="5114" max="5114" width="5.375" style="459" customWidth="1"/>
    <col min="5115" max="5115" width="8.125" style="459" customWidth="1"/>
    <col min="5116" max="5126" width="7.625" style="459" customWidth="1"/>
    <col min="5127" max="5368" width="9" style="459"/>
    <col min="5369" max="5369" width="2.625" style="459" customWidth="1"/>
    <col min="5370" max="5370" width="5.375" style="459" customWidth="1"/>
    <col min="5371" max="5371" width="8.125" style="459" customWidth="1"/>
    <col min="5372" max="5382" width="7.625" style="459" customWidth="1"/>
    <col min="5383" max="5624" width="9" style="459"/>
    <col min="5625" max="5625" width="2.625" style="459" customWidth="1"/>
    <col min="5626" max="5626" width="5.375" style="459" customWidth="1"/>
    <col min="5627" max="5627" width="8.125" style="459" customWidth="1"/>
    <col min="5628" max="5638" width="7.625" style="459" customWidth="1"/>
    <col min="5639" max="5880" width="9" style="459"/>
    <col min="5881" max="5881" width="2.625" style="459" customWidth="1"/>
    <col min="5882" max="5882" width="5.375" style="459" customWidth="1"/>
    <col min="5883" max="5883" width="8.125" style="459" customWidth="1"/>
    <col min="5884" max="5894" width="7.625" style="459" customWidth="1"/>
    <col min="5895" max="6136" width="9" style="459"/>
    <col min="6137" max="6137" width="2.625" style="459" customWidth="1"/>
    <col min="6138" max="6138" width="5.375" style="459" customWidth="1"/>
    <col min="6139" max="6139" width="8.125" style="459" customWidth="1"/>
    <col min="6140" max="6150" width="7.625" style="459" customWidth="1"/>
    <col min="6151" max="6392" width="9" style="459"/>
    <col min="6393" max="6393" width="2.625" style="459" customWidth="1"/>
    <col min="6394" max="6394" width="5.375" style="459" customWidth="1"/>
    <col min="6395" max="6395" width="8.125" style="459" customWidth="1"/>
    <col min="6396" max="6406" width="7.625" style="459" customWidth="1"/>
    <col min="6407" max="6648" width="9" style="459"/>
    <col min="6649" max="6649" width="2.625" style="459" customWidth="1"/>
    <col min="6650" max="6650" width="5.375" style="459" customWidth="1"/>
    <col min="6651" max="6651" width="8.125" style="459" customWidth="1"/>
    <col min="6652" max="6662" width="7.625" style="459" customWidth="1"/>
    <col min="6663" max="6904" width="9" style="459"/>
    <col min="6905" max="6905" width="2.625" style="459" customWidth="1"/>
    <col min="6906" max="6906" width="5.375" style="459" customWidth="1"/>
    <col min="6907" max="6907" width="8.125" style="459" customWidth="1"/>
    <col min="6908" max="6918" width="7.625" style="459" customWidth="1"/>
    <col min="6919" max="7160" width="9" style="459"/>
    <col min="7161" max="7161" width="2.625" style="459" customWidth="1"/>
    <col min="7162" max="7162" width="5.375" style="459" customWidth="1"/>
    <col min="7163" max="7163" width="8.125" style="459" customWidth="1"/>
    <col min="7164" max="7174" width="7.625" style="459" customWidth="1"/>
    <col min="7175" max="7416" width="9" style="459"/>
    <col min="7417" max="7417" width="2.625" style="459" customWidth="1"/>
    <col min="7418" max="7418" width="5.375" style="459" customWidth="1"/>
    <col min="7419" max="7419" width="8.125" style="459" customWidth="1"/>
    <col min="7420" max="7430" width="7.625" style="459" customWidth="1"/>
    <col min="7431" max="7672" width="9" style="459"/>
    <col min="7673" max="7673" width="2.625" style="459" customWidth="1"/>
    <col min="7674" max="7674" width="5.375" style="459" customWidth="1"/>
    <col min="7675" max="7675" width="8.125" style="459" customWidth="1"/>
    <col min="7676" max="7686" width="7.625" style="459" customWidth="1"/>
    <col min="7687" max="7928" width="9" style="459"/>
    <col min="7929" max="7929" width="2.625" style="459" customWidth="1"/>
    <col min="7930" max="7930" width="5.375" style="459" customWidth="1"/>
    <col min="7931" max="7931" width="8.125" style="459" customWidth="1"/>
    <col min="7932" max="7942" width="7.625" style="459" customWidth="1"/>
    <col min="7943" max="8184" width="9" style="459"/>
    <col min="8185" max="8185" width="2.625" style="459" customWidth="1"/>
    <col min="8186" max="8186" width="5.375" style="459" customWidth="1"/>
    <col min="8187" max="8187" width="8.125" style="459" customWidth="1"/>
    <col min="8188" max="8198" width="7.625" style="459" customWidth="1"/>
    <col min="8199" max="8440" width="9" style="459"/>
    <col min="8441" max="8441" width="2.625" style="459" customWidth="1"/>
    <col min="8442" max="8442" width="5.375" style="459" customWidth="1"/>
    <col min="8443" max="8443" width="8.125" style="459" customWidth="1"/>
    <col min="8444" max="8454" width="7.625" style="459" customWidth="1"/>
    <col min="8455" max="8696" width="9" style="459"/>
    <col min="8697" max="8697" width="2.625" style="459" customWidth="1"/>
    <col min="8698" max="8698" width="5.375" style="459" customWidth="1"/>
    <col min="8699" max="8699" width="8.125" style="459" customWidth="1"/>
    <col min="8700" max="8710" width="7.625" style="459" customWidth="1"/>
    <col min="8711" max="8952" width="9" style="459"/>
    <col min="8953" max="8953" width="2.625" style="459" customWidth="1"/>
    <col min="8954" max="8954" width="5.375" style="459" customWidth="1"/>
    <col min="8955" max="8955" width="8.125" style="459" customWidth="1"/>
    <col min="8956" max="8966" width="7.625" style="459" customWidth="1"/>
    <col min="8967" max="9208" width="9" style="459"/>
    <col min="9209" max="9209" width="2.625" style="459" customWidth="1"/>
    <col min="9210" max="9210" width="5.375" style="459" customWidth="1"/>
    <col min="9211" max="9211" width="8.125" style="459" customWidth="1"/>
    <col min="9212" max="9222" width="7.625" style="459" customWidth="1"/>
    <col min="9223" max="9464" width="9" style="459"/>
    <col min="9465" max="9465" width="2.625" style="459" customWidth="1"/>
    <col min="9466" max="9466" width="5.375" style="459" customWidth="1"/>
    <col min="9467" max="9467" width="8.125" style="459" customWidth="1"/>
    <col min="9468" max="9478" width="7.625" style="459" customWidth="1"/>
    <col min="9479" max="9720" width="9" style="459"/>
    <col min="9721" max="9721" width="2.625" style="459" customWidth="1"/>
    <col min="9722" max="9722" width="5.375" style="459" customWidth="1"/>
    <col min="9723" max="9723" width="8.125" style="459" customWidth="1"/>
    <col min="9724" max="9734" width="7.625" style="459" customWidth="1"/>
    <col min="9735" max="9976" width="9" style="459"/>
    <col min="9977" max="9977" width="2.625" style="459" customWidth="1"/>
    <col min="9978" max="9978" width="5.375" style="459" customWidth="1"/>
    <col min="9979" max="9979" width="8.125" style="459" customWidth="1"/>
    <col min="9980" max="9990" width="7.625" style="459" customWidth="1"/>
    <col min="9991" max="10232" width="9" style="459"/>
    <col min="10233" max="10233" width="2.625" style="459" customWidth="1"/>
    <col min="10234" max="10234" width="5.375" style="459" customWidth="1"/>
    <col min="10235" max="10235" width="8.125" style="459" customWidth="1"/>
    <col min="10236" max="10246" width="7.625" style="459" customWidth="1"/>
    <col min="10247" max="10488" width="9" style="459"/>
    <col min="10489" max="10489" width="2.625" style="459" customWidth="1"/>
    <col min="10490" max="10490" width="5.375" style="459" customWidth="1"/>
    <col min="10491" max="10491" width="8.125" style="459" customWidth="1"/>
    <col min="10492" max="10502" width="7.625" style="459" customWidth="1"/>
    <col min="10503" max="10744" width="9" style="459"/>
    <col min="10745" max="10745" width="2.625" style="459" customWidth="1"/>
    <col min="10746" max="10746" width="5.375" style="459" customWidth="1"/>
    <col min="10747" max="10747" width="8.125" style="459" customWidth="1"/>
    <col min="10748" max="10758" width="7.625" style="459" customWidth="1"/>
    <col min="10759" max="11000" width="9" style="459"/>
    <col min="11001" max="11001" width="2.625" style="459" customWidth="1"/>
    <col min="11002" max="11002" width="5.375" style="459" customWidth="1"/>
    <col min="11003" max="11003" width="8.125" style="459" customWidth="1"/>
    <col min="11004" max="11014" width="7.625" style="459" customWidth="1"/>
    <col min="11015" max="11256" width="9" style="459"/>
    <col min="11257" max="11257" width="2.625" style="459" customWidth="1"/>
    <col min="11258" max="11258" width="5.375" style="459" customWidth="1"/>
    <col min="11259" max="11259" width="8.125" style="459" customWidth="1"/>
    <col min="11260" max="11270" width="7.625" style="459" customWidth="1"/>
    <col min="11271" max="11512" width="9" style="459"/>
    <col min="11513" max="11513" width="2.625" style="459" customWidth="1"/>
    <col min="11514" max="11514" width="5.375" style="459" customWidth="1"/>
    <col min="11515" max="11515" width="8.125" style="459" customWidth="1"/>
    <col min="11516" max="11526" width="7.625" style="459" customWidth="1"/>
    <col min="11527" max="11768" width="9" style="459"/>
    <col min="11769" max="11769" width="2.625" style="459" customWidth="1"/>
    <col min="11770" max="11770" width="5.375" style="459" customWidth="1"/>
    <col min="11771" max="11771" width="8.125" style="459" customWidth="1"/>
    <col min="11772" max="11782" width="7.625" style="459" customWidth="1"/>
    <col min="11783" max="12024" width="9" style="459"/>
    <col min="12025" max="12025" width="2.625" style="459" customWidth="1"/>
    <col min="12026" max="12026" width="5.375" style="459" customWidth="1"/>
    <col min="12027" max="12027" width="8.125" style="459" customWidth="1"/>
    <col min="12028" max="12038" width="7.625" style="459" customWidth="1"/>
    <col min="12039" max="12280" width="9" style="459"/>
    <col min="12281" max="12281" width="2.625" style="459" customWidth="1"/>
    <col min="12282" max="12282" width="5.375" style="459" customWidth="1"/>
    <col min="12283" max="12283" width="8.125" style="459" customWidth="1"/>
    <col min="12284" max="12294" width="7.625" style="459" customWidth="1"/>
    <col min="12295" max="12536" width="9" style="459"/>
    <col min="12537" max="12537" width="2.625" style="459" customWidth="1"/>
    <col min="12538" max="12538" width="5.375" style="459" customWidth="1"/>
    <col min="12539" max="12539" width="8.125" style="459" customWidth="1"/>
    <col min="12540" max="12550" width="7.625" style="459" customWidth="1"/>
    <col min="12551" max="12792" width="9" style="459"/>
    <col min="12793" max="12793" width="2.625" style="459" customWidth="1"/>
    <col min="12794" max="12794" width="5.375" style="459" customWidth="1"/>
    <col min="12795" max="12795" width="8.125" style="459" customWidth="1"/>
    <col min="12796" max="12806" width="7.625" style="459" customWidth="1"/>
    <col min="12807" max="13048" width="9" style="459"/>
    <col min="13049" max="13049" width="2.625" style="459" customWidth="1"/>
    <col min="13050" max="13050" width="5.375" style="459" customWidth="1"/>
    <col min="13051" max="13051" width="8.125" style="459" customWidth="1"/>
    <col min="13052" max="13062" width="7.625" style="459" customWidth="1"/>
    <col min="13063" max="13304" width="9" style="459"/>
    <col min="13305" max="13305" width="2.625" style="459" customWidth="1"/>
    <col min="13306" max="13306" width="5.375" style="459" customWidth="1"/>
    <col min="13307" max="13307" width="8.125" style="459" customWidth="1"/>
    <col min="13308" max="13318" width="7.625" style="459" customWidth="1"/>
    <col min="13319" max="13560" width="9" style="459"/>
    <col min="13561" max="13561" width="2.625" style="459" customWidth="1"/>
    <col min="13562" max="13562" width="5.375" style="459" customWidth="1"/>
    <col min="13563" max="13563" width="8.125" style="459" customWidth="1"/>
    <col min="13564" max="13574" width="7.625" style="459" customWidth="1"/>
    <col min="13575" max="13816" width="9" style="459"/>
    <col min="13817" max="13817" width="2.625" style="459" customWidth="1"/>
    <col min="13818" max="13818" width="5.375" style="459" customWidth="1"/>
    <col min="13819" max="13819" width="8.125" style="459" customWidth="1"/>
    <col min="13820" max="13830" width="7.625" style="459" customWidth="1"/>
    <col min="13831" max="14072" width="9" style="459"/>
    <col min="14073" max="14073" width="2.625" style="459" customWidth="1"/>
    <col min="14074" max="14074" width="5.375" style="459" customWidth="1"/>
    <col min="14075" max="14075" width="8.125" style="459" customWidth="1"/>
    <col min="14076" max="14086" width="7.625" style="459" customWidth="1"/>
    <col min="14087" max="14328" width="9" style="459"/>
    <col min="14329" max="14329" width="2.625" style="459" customWidth="1"/>
    <col min="14330" max="14330" width="5.375" style="459" customWidth="1"/>
    <col min="14331" max="14331" width="8.125" style="459" customWidth="1"/>
    <col min="14332" max="14342" width="7.625" style="459" customWidth="1"/>
    <col min="14343" max="14584" width="9" style="459"/>
    <col min="14585" max="14585" width="2.625" style="459" customWidth="1"/>
    <col min="14586" max="14586" width="5.375" style="459" customWidth="1"/>
    <col min="14587" max="14587" width="8.125" style="459" customWidth="1"/>
    <col min="14588" max="14598" width="7.625" style="459" customWidth="1"/>
    <col min="14599" max="14840" width="9" style="459"/>
    <col min="14841" max="14841" width="2.625" style="459" customWidth="1"/>
    <col min="14842" max="14842" width="5.375" style="459" customWidth="1"/>
    <col min="14843" max="14843" width="8.125" style="459" customWidth="1"/>
    <col min="14844" max="14854" width="7.625" style="459" customWidth="1"/>
    <col min="14855" max="15096" width="9" style="459"/>
    <col min="15097" max="15097" width="2.625" style="459" customWidth="1"/>
    <col min="15098" max="15098" width="5.375" style="459" customWidth="1"/>
    <col min="15099" max="15099" width="8.125" style="459" customWidth="1"/>
    <col min="15100" max="15110" width="7.625" style="459" customWidth="1"/>
    <col min="15111" max="15352" width="9" style="459"/>
    <col min="15353" max="15353" width="2.625" style="459" customWidth="1"/>
    <col min="15354" max="15354" width="5.375" style="459" customWidth="1"/>
    <col min="15355" max="15355" width="8.125" style="459" customWidth="1"/>
    <col min="15356" max="15366" width="7.625" style="459" customWidth="1"/>
    <col min="15367" max="15608" width="9" style="459"/>
    <col min="15609" max="15609" width="2.625" style="459" customWidth="1"/>
    <col min="15610" max="15610" width="5.375" style="459" customWidth="1"/>
    <col min="15611" max="15611" width="8.125" style="459" customWidth="1"/>
    <col min="15612" max="15622" width="7.625" style="459" customWidth="1"/>
    <col min="15623" max="15864" width="9" style="459"/>
    <col min="15865" max="15865" width="2.625" style="459" customWidth="1"/>
    <col min="15866" max="15866" width="5.375" style="459" customWidth="1"/>
    <col min="15867" max="15867" width="8.125" style="459" customWidth="1"/>
    <col min="15868" max="15878" width="7.625" style="459" customWidth="1"/>
    <col min="15879" max="16120" width="9" style="459"/>
    <col min="16121" max="16121" width="2.625" style="459" customWidth="1"/>
    <col min="16122" max="16122" width="5.375" style="459" customWidth="1"/>
    <col min="16123" max="16123" width="8.125" style="459" customWidth="1"/>
    <col min="16124" max="16134" width="7.625" style="459" customWidth="1"/>
    <col min="16135" max="16384" width="9" style="459"/>
  </cols>
  <sheetData>
    <row r="2" spans="1:20" ht="15.75" customHeight="1" x14ac:dyDescent="0.15">
      <c r="B2" s="460" t="s">
        <v>223</v>
      </c>
    </row>
    <row r="3" spans="1:20" ht="5.25" customHeight="1" x14ac:dyDescent="0.15"/>
    <row r="4" spans="1:20" ht="19.350000000000001" customHeight="1" x14ac:dyDescent="0.15">
      <c r="B4" s="461" t="s">
        <v>224</v>
      </c>
      <c r="F4" s="462"/>
      <c r="G4" s="462"/>
    </row>
    <row r="5" spans="1:20" s="463" customFormat="1" ht="15" customHeight="1" x14ac:dyDescent="0.4">
      <c r="A5" s="459"/>
      <c r="B5" s="675" t="s">
        <v>225</v>
      </c>
      <c r="C5" s="675"/>
      <c r="D5" s="675"/>
      <c r="E5" s="675"/>
      <c r="F5" s="675"/>
      <c r="G5" s="675"/>
      <c r="H5" s="675"/>
      <c r="I5" s="675"/>
      <c r="J5" s="459"/>
      <c r="L5" s="464"/>
      <c r="M5" s="465"/>
      <c r="N5" s="466"/>
      <c r="O5" s="466"/>
      <c r="P5" s="466"/>
      <c r="Q5" s="466"/>
      <c r="R5" s="459"/>
      <c r="S5" s="459"/>
      <c r="T5" s="459"/>
    </row>
    <row r="6" spans="1:20" s="463" customFormat="1" ht="15" customHeight="1" x14ac:dyDescent="0.4">
      <c r="A6" s="459"/>
      <c r="B6" s="675" t="s">
        <v>226</v>
      </c>
      <c r="C6" s="675"/>
      <c r="D6" s="675"/>
      <c r="E6" s="675"/>
      <c r="F6" s="675"/>
      <c r="G6" s="675"/>
      <c r="H6" s="675"/>
      <c r="I6" s="675"/>
      <c r="J6" s="459"/>
      <c r="L6" s="464"/>
      <c r="M6" s="465"/>
      <c r="N6" s="466"/>
      <c r="O6" s="466"/>
      <c r="P6" s="466"/>
      <c r="Q6" s="466"/>
      <c r="R6" s="459"/>
      <c r="S6" s="459"/>
      <c r="T6" s="459"/>
    </row>
    <row r="7" spans="1:20" s="463" customFormat="1" ht="15" customHeight="1" x14ac:dyDescent="0.4">
      <c r="A7" s="459"/>
      <c r="B7" s="661" t="s">
        <v>227</v>
      </c>
      <c r="C7" s="661"/>
      <c r="D7" s="661"/>
      <c r="E7" s="661"/>
      <c r="F7" s="661"/>
      <c r="G7" s="661"/>
      <c r="H7" s="661"/>
      <c r="I7" s="661"/>
      <c r="J7" s="459"/>
      <c r="L7" s="465"/>
      <c r="M7" s="464"/>
      <c r="N7" s="466"/>
      <c r="O7" s="466"/>
      <c r="P7" s="466"/>
      <c r="Q7" s="466"/>
      <c r="R7" s="459"/>
      <c r="S7" s="459"/>
      <c r="T7" s="459"/>
    </row>
    <row r="8" spans="1:20" s="463" customFormat="1" ht="15" customHeight="1" x14ac:dyDescent="0.4">
      <c r="A8" s="459"/>
      <c r="B8" s="675" t="s">
        <v>228</v>
      </c>
      <c r="C8" s="675"/>
      <c r="D8" s="675"/>
      <c r="E8" s="675"/>
      <c r="F8" s="675"/>
      <c r="G8" s="675"/>
      <c r="H8" s="675"/>
      <c r="I8" s="675"/>
      <c r="J8" s="459"/>
      <c r="L8" s="464"/>
      <c r="M8" s="465"/>
      <c r="N8" s="466"/>
      <c r="O8" s="466"/>
      <c r="P8" s="466"/>
      <c r="Q8" s="466"/>
      <c r="R8" s="459"/>
      <c r="S8" s="459"/>
      <c r="T8" s="459"/>
    </row>
    <row r="9" spans="1:20" s="463" customFormat="1" ht="15" customHeight="1" x14ac:dyDescent="0.4">
      <c r="A9" s="459"/>
      <c r="B9" s="675" t="s">
        <v>229</v>
      </c>
      <c r="C9" s="675"/>
      <c r="D9" s="675"/>
      <c r="E9" s="675"/>
      <c r="F9" s="675"/>
      <c r="G9" s="675"/>
      <c r="H9" s="675"/>
      <c r="I9" s="675"/>
      <c r="J9" s="459"/>
      <c r="L9" s="464"/>
      <c r="M9" s="465"/>
      <c r="N9" s="466"/>
      <c r="O9" s="466"/>
      <c r="P9" s="466"/>
      <c r="Q9" s="466"/>
      <c r="R9" s="459"/>
      <c r="S9" s="459"/>
      <c r="T9" s="459"/>
    </row>
    <row r="10" spans="1:20" s="463" customFormat="1" ht="15" customHeight="1" x14ac:dyDescent="0.4">
      <c r="A10" s="459"/>
      <c r="B10" s="675" t="s">
        <v>230</v>
      </c>
      <c r="C10" s="675"/>
      <c r="D10" s="675"/>
      <c r="E10" s="675"/>
      <c r="F10" s="675"/>
      <c r="G10" s="675"/>
      <c r="H10" s="675"/>
      <c r="I10" s="675"/>
      <c r="J10" s="459"/>
      <c r="L10" s="464"/>
      <c r="M10" s="465"/>
      <c r="N10" s="466"/>
      <c r="O10" s="466"/>
      <c r="P10" s="466"/>
      <c r="Q10" s="466"/>
      <c r="R10" s="459"/>
      <c r="S10" s="459"/>
      <c r="T10" s="459"/>
    </row>
    <row r="11" spans="1:20" s="463" customFormat="1" ht="15" customHeight="1" x14ac:dyDescent="0.4">
      <c r="A11" s="459"/>
      <c r="B11" s="661" t="s">
        <v>231</v>
      </c>
      <c r="C11" s="661"/>
      <c r="D11" s="661"/>
      <c r="E11" s="661"/>
      <c r="F11" s="661"/>
      <c r="G11" s="661"/>
      <c r="H11" s="661"/>
      <c r="I11" s="661"/>
      <c r="J11" s="459"/>
      <c r="L11" s="465"/>
      <c r="M11" s="464"/>
      <c r="N11" s="466"/>
      <c r="O11" s="466"/>
      <c r="P11" s="466"/>
      <c r="Q11" s="466"/>
      <c r="R11" s="459"/>
      <c r="S11" s="459"/>
      <c r="T11" s="459"/>
    </row>
    <row r="12" spans="1:20" s="463" customFormat="1" ht="15" customHeight="1" x14ac:dyDescent="0.4">
      <c r="A12" s="459"/>
      <c r="B12" s="467"/>
      <c r="C12" s="467"/>
      <c r="D12" s="467"/>
      <c r="E12" s="467"/>
      <c r="F12" s="467"/>
      <c r="G12" s="467"/>
      <c r="H12" s="467"/>
      <c r="I12" s="467"/>
      <c r="J12" s="459"/>
      <c r="L12" s="465"/>
      <c r="M12" s="464"/>
      <c r="N12" s="466"/>
      <c r="O12" s="466"/>
      <c r="P12" s="466"/>
      <c r="Q12" s="466"/>
      <c r="R12" s="459"/>
      <c r="S12" s="459"/>
      <c r="T12" s="459"/>
    </row>
    <row r="13" spans="1:20" s="468" customFormat="1" ht="15" customHeight="1" x14ac:dyDescent="0.15">
      <c r="B13" s="469" t="s">
        <v>232</v>
      </c>
      <c r="C13" s="469"/>
    </row>
    <row r="14" spans="1:20" s="468" customFormat="1" ht="15" customHeight="1" x14ac:dyDescent="0.15">
      <c r="B14" s="662" t="s">
        <v>233</v>
      </c>
      <c r="C14" s="663"/>
      <c r="D14" s="668" t="s">
        <v>234</v>
      </c>
      <c r="E14" s="669"/>
      <c r="F14" s="670"/>
      <c r="G14" s="668" t="s">
        <v>235</v>
      </c>
      <c r="H14" s="669"/>
      <c r="I14" s="670"/>
    </row>
    <row r="15" spans="1:20" ht="13.5" customHeight="1" x14ac:dyDescent="0.15">
      <c r="B15" s="664"/>
      <c r="C15" s="665"/>
      <c r="D15" s="671" t="s">
        <v>236</v>
      </c>
      <c r="E15" s="671" t="s">
        <v>237</v>
      </c>
      <c r="F15" s="662" t="s">
        <v>238</v>
      </c>
      <c r="G15" s="671" t="s">
        <v>239</v>
      </c>
      <c r="H15" s="671" t="s">
        <v>240</v>
      </c>
      <c r="I15" s="673" t="s">
        <v>241</v>
      </c>
    </row>
    <row r="16" spans="1:20" x14ac:dyDescent="0.15">
      <c r="B16" s="666"/>
      <c r="C16" s="667"/>
      <c r="D16" s="672"/>
      <c r="E16" s="672"/>
      <c r="F16" s="666"/>
      <c r="G16" s="672"/>
      <c r="H16" s="666"/>
      <c r="I16" s="674"/>
    </row>
    <row r="17" spans="2:9" x14ac:dyDescent="0.15">
      <c r="B17" s="470"/>
      <c r="C17" s="471"/>
      <c r="D17" s="472" t="s">
        <v>242</v>
      </c>
      <c r="E17" s="472" t="s">
        <v>242</v>
      </c>
      <c r="F17" s="472" t="s">
        <v>242</v>
      </c>
      <c r="G17" s="472" t="s">
        <v>242</v>
      </c>
      <c r="H17" s="472" t="s">
        <v>242</v>
      </c>
      <c r="I17" s="473" t="s">
        <v>242</v>
      </c>
    </row>
    <row r="18" spans="2:9" x14ac:dyDescent="0.15">
      <c r="B18" s="474"/>
      <c r="C18" s="468"/>
      <c r="D18" s="475"/>
      <c r="E18" s="475"/>
      <c r="F18" s="475"/>
      <c r="G18" s="475"/>
      <c r="H18" s="475"/>
      <c r="I18" s="476"/>
    </row>
    <row r="19" spans="2:9" x14ac:dyDescent="0.15">
      <c r="B19" s="654" t="s">
        <v>243</v>
      </c>
      <c r="C19" s="655"/>
      <c r="D19" s="477">
        <v>1.8</v>
      </c>
      <c r="E19" s="477">
        <v>1.3</v>
      </c>
      <c r="F19" s="478">
        <v>1.4</v>
      </c>
      <c r="G19" s="479">
        <v>-0.2</v>
      </c>
      <c r="H19" s="479">
        <v>0.2</v>
      </c>
      <c r="I19" s="479">
        <v>-3.5</v>
      </c>
    </row>
    <row r="20" spans="2:9" x14ac:dyDescent="0.15">
      <c r="B20" s="654" t="s">
        <v>244</v>
      </c>
      <c r="C20" s="655"/>
      <c r="D20" s="477">
        <v>2.2999999999999998</v>
      </c>
      <c r="E20" s="477">
        <v>1.7</v>
      </c>
      <c r="F20" s="478">
        <v>1.7</v>
      </c>
      <c r="G20" s="479">
        <v>-2.9</v>
      </c>
      <c r="H20" s="479">
        <v>-2.8</v>
      </c>
      <c r="I20" s="479">
        <v>-3.3</v>
      </c>
    </row>
    <row r="21" spans="2:9" x14ac:dyDescent="0.15">
      <c r="B21" s="654" t="s">
        <v>245</v>
      </c>
      <c r="C21" s="655"/>
      <c r="D21" s="477">
        <v>3.3</v>
      </c>
      <c r="E21" s="477">
        <v>3.2</v>
      </c>
      <c r="F21" s="478">
        <v>3.2</v>
      </c>
      <c r="G21" s="479">
        <v>0.7</v>
      </c>
      <c r="H21" s="479">
        <v>0.7</v>
      </c>
      <c r="I21" s="479">
        <v>0</v>
      </c>
    </row>
    <row r="22" spans="2:9" x14ac:dyDescent="0.15">
      <c r="B22" s="654" t="s">
        <v>246</v>
      </c>
      <c r="C22" s="655"/>
      <c r="D22" s="477">
        <v>4.0999999999999996</v>
      </c>
      <c r="E22" s="477">
        <v>2.6</v>
      </c>
      <c r="F22" s="478">
        <v>2.2999999999999998</v>
      </c>
      <c r="G22" s="479">
        <v>1.6</v>
      </c>
      <c r="H22" s="479">
        <v>1.8</v>
      </c>
      <c r="I22" s="479">
        <v>0</v>
      </c>
    </row>
    <row r="23" spans="2:9" x14ac:dyDescent="0.15">
      <c r="B23" s="656" t="s">
        <v>247</v>
      </c>
      <c r="C23" s="657"/>
      <c r="D23" s="477">
        <v>0.9</v>
      </c>
      <c r="E23" s="477">
        <v>2.2000000000000002</v>
      </c>
      <c r="F23" s="478">
        <v>1.8</v>
      </c>
      <c r="G23" s="479">
        <v>-2.6</v>
      </c>
      <c r="H23" s="479">
        <v>-2.4</v>
      </c>
      <c r="I23" s="479">
        <v>-4.5</v>
      </c>
    </row>
    <row r="24" spans="2:9" x14ac:dyDescent="0.15">
      <c r="B24" s="658" t="s">
        <v>248</v>
      </c>
      <c r="C24" s="659"/>
      <c r="D24" s="480">
        <v>2.5</v>
      </c>
      <c r="E24" s="480">
        <v>3.1</v>
      </c>
      <c r="F24" s="480">
        <v>3.1</v>
      </c>
      <c r="G24" s="481">
        <v>2.1</v>
      </c>
      <c r="H24" s="481">
        <v>2</v>
      </c>
      <c r="I24" s="481">
        <v>2.8</v>
      </c>
    </row>
    <row r="25" spans="2:9" x14ac:dyDescent="0.15">
      <c r="B25" s="654" t="s">
        <v>249</v>
      </c>
      <c r="C25" s="655"/>
      <c r="D25" s="478">
        <v>5</v>
      </c>
      <c r="E25" s="478">
        <v>2.2000000000000002</v>
      </c>
      <c r="F25" s="478">
        <v>2.2000000000000002</v>
      </c>
      <c r="G25" s="479">
        <v>-0.6</v>
      </c>
      <c r="H25" s="479">
        <v>-0.7</v>
      </c>
      <c r="I25" s="478">
        <v>0</v>
      </c>
    </row>
    <row r="26" spans="2:9" x14ac:dyDescent="0.15">
      <c r="B26" s="654" t="s">
        <v>250</v>
      </c>
      <c r="C26" s="655"/>
      <c r="D26" s="478">
        <v>2.4</v>
      </c>
      <c r="E26" s="478">
        <v>1.6</v>
      </c>
      <c r="F26" s="478">
        <v>1.4</v>
      </c>
      <c r="G26" s="479">
        <v>-1.9</v>
      </c>
      <c r="H26" s="479">
        <v>-2.1</v>
      </c>
      <c r="I26" s="478">
        <v>1</v>
      </c>
    </row>
    <row r="27" spans="2:9" x14ac:dyDescent="0.15">
      <c r="B27" s="482"/>
      <c r="C27" s="483" t="s">
        <v>251</v>
      </c>
      <c r="D27" s="478">
        <v>2.5</v>
      </c>
      <c r="E27" s="478">
        <v>2.2000000000000002</v>
      </c>
      <c r="F27" s="478">
        <v>2.5</v>
      </c>
      <c r="G27" s="479">
        <v>-0.3</v>
      </c>
      <c r="H27" s="479">
        <v>-0.3</v>
      </c>
      <c r="I27" s="478">
        <v>0</v>
      </c>
    </row>
    <row r="28" spans="2:9" x14ac:dyDescent="0.15">
      <c r="B28" s="482"/>
      <c r="C28" s="483" t="s">
        <v>252</v>
      </c>
      <c r="D28" s="478">
        <v>3.1</v>
      </c>
      <c r="E28" s="478">
        <v>2.7</v>
      </c>
      <c r="F28" s="478">
        <v>2.5</v>
      </c>
      <c r="G28" s="479">
        <v>0.5</v>
      </c>
      <c r="H28" s="479">
        <v>0.5</v>
      </c>
      <c r="I28" s="478">
        <v>0.9</v>
      </c>
    </row>
    <row r="29" spans="2:9" x14ac:dyDescent="0.15">
      <c r="B29" s="484"/>
      <c r="C29" s="485" t="s">
        <v>253</v>
      </c>
      <c r="D29" s="478">
        <v>4.4000000000000004</v>
      </c>
      <c r="E29" s="478">
        <v>2.2000000000000002</v>
      </c>
      <c r="F29" s="478">
        <v>1.6</v>
      </c>
      <c r="G29" s="479">
        <v>-1.3</v>
      </c>
      <c r="H29" s="479">
        <v>-1.4</v>
      </c>
      <c r="I29" s="479">
        <v>0</v>
      </c>
    </row>
    <row r="30" spans="2:9" x14ac:dyDescent="0.15">
      <c r="B30" s="658" t="s">
        <v>254</v>
      </c>
      <c r="C30" s="659"/>
      <c r="D30" s="480">
        <v>2.5</v>
      </c>
      <c r="E30" s="480">
        <v>2.8</v>
      </c>
      <c r="F30" s="480">
        <v>3.1</v>
      </c>
      <c r="G30" s="481">
        <v>-1.3</v>
      </c>
      <c r="H30" s="481">
        <v>-1</v>
      </c>
      <c r="I30" s="481">
        <v>-4.5</v>
      </c>
    </row>
    <row r="31" spans="2:9" x14ac:dyDescent="0.15">
      <c r="B31" s="654" t="s">
        <v>255</v>
      </c>
      <c r="C31" s="655"/>
      <c r="D31" s="478">
        <v>0.8</v>
      </c>
      <c r="E31" s="478">
        <v>2.2000000000000002</v>
      </c>
      <c r="F31" s="478">
        <v>2.1</v>
      </c>
      <c r="G31" s="479">
        <v>-3.8</v>
      </c>
      <c r="H31" s="479">
        <v>-3.8</v>
      </c>
      <c r="I31" s="479">
        <v>-3.6</v>
      </c>
    </row>
    <row r="32" spans="2:9" x14ac:dyDescent="0.15">
      <c r="B32" s="654" t="s">
        <v>256</v>
      </c>
      <c r="C32" s="655"/>
      <c r="D32" s="478">
        <v>3</v>
      </c>
      <c r="E32" s="478">
        <v>1.9</v>
      </c>
      <c r="F32" s="478">
        <v>1.9</v>
      </c>
      <c r="G32" s="479">
        <v>-2.8</v>
      </c>
      <c r="H32" s="479">
        <v>-2.7</v>
      </c>
      <c r="I32" s="479">
        <v>-3.6</v>
      </c>
    </row>
    <row r="33" spans="2:9" x14ac:dyDescent="0.15">
      <c r="B33" s="654" t="s">
        <v>257</v>
      </c>
      <c r="C33" s="655"/>
      <c r="D33" s="478">
        <v>1.9</v>
      </c>
      <c r="E33" s="478">
        <v>1.9</v>
      </c>
      <c r="F33" s="478">
        <v>2.1</v>
      </c>
      <c r="G33" s="479">
        <v>-1.3</v>
      </c>
      <c r="H33" s="479">
        <v>-1.3</v>
      </c>
      <c r="I33" s="479">
        <v>-1.8</v>
      </c>
    </row>
    <row r="34" spans="2:9" ht="12.6" customHeight="1" x14ac:dyDescent="0.15">
      <c r="B34" s="654" t="s">
        <v>258</v>
      </c>
      <c r="C34" s="655"/>
      <c r="D34" s="478">
        <v>3.1</v>
      </c>
      <c r="E34" s="478">
        <v>3.2</v>
      </c>
      <c r="F34" s="478">
        <v>3.5</v>
      </c>
      <c r="G34" s="479">
        <v>-1.3</v>
      </c>
      <c r="H34" s="479">
        <v>-1.1000000000000001</v>
      </c>
      <c r="I34" s="479">
        <v>-2.8</v>
      </c>
    </row>
    <row r="35" spans="2:9" x14ac:dyDescent="0.15">
      <c r="B35" s="656" t="s">
        <v>259</v>
      </c>
      <c r="C35" s="657"/>
      <c r="D35" s="478">
        <v>6.8</v>
      </c>
      <c r="E35" s="478">
        <v>3.3</v>
      </c>
      <c r="F35" s="478">
        <v>3.2</v>
      </c>
      <c r="G35" s="479">
        <v>0.7</v>
      </c>
      <c r="H35" s="479">
        <v>1</v>
      </c>
      <c r="I35" s="479">
        <v>-2.8</v>
      </c>
    </row>
    <row r="36" spans="2:9" x14ac:dyDescent="0.15">
      <c r="B36" s="658" t="s">
        <v>248</v>
      </c>
      <c r="C36" s="659"/>
      <c r="D36" s="480">
        <v>-0.8</v>
      </c>
      <c r="E36" s="480">
        <v>2.9</v>
      </c>
      <c r="F36" s="480">
        <v>3.2</v>
      </c>
      <c r="G36" s="481">
        <v>-0.2</v>
      </c>
      <c r="H36" s="481">
        <v>-0.1</v>
      </c>
      <c r="I36" s="481">
        <v>-2.1</v>
      </c>
    </row>
    <row r="37" spans="2:9" x14ac:dyDescent="0.15">
      <c r="B37" s="486"/>
      <c r="C37" s="487" t="s">
        <v>260</v>
      </c>
      <c r="D37" s="478">
        <v>2</v>
      </c>
      <c r="E37" s="478">
        <v>2.5</v>
      </c>
      <c r="F37" s="478">
        <v>2.6</v>
      </c>
      <c r="G37" s="479">
        <v>-2.4</v>
      </c>
      <c r="H37" s="479">
        <v>-2.2000000000000002</v>
      </c>
      <c r="I37" s="479">
        <v>-4.5999999999999996</v>
      </c>
    </row>
    <row r="38" spans="2:9" x14ac:dyDescent="0.15">
      <c r="B38" s="486"/>
      <c r="C38" s="487" t="s">
        <v>261</v>
      </c>
      <c r="D38" s="478">
        <v>2.2999999999999998</v>
      </c>
      <c r="E38" s="478">
        <v>2.6</v>
      </c>
      <c r="F38" s="478">
        <v>2.9</v>
      </c>
      <c r="G38" s="479">
        <v>-0.2</v>
      </c>
      <c r="H38" s="479">
        <v>0.1</v>
      </c>
      <c r="I38" s="479">
        <v>-4.0999999999999996</v>
      </c>
    </row>
    <row r="39" spans="2:9" x14ac:dyDescent="0.15">
      <c r="B39" s="654" t="s">
        <v>262</v>
      </c>
      <c r="C39" s="655"/>
      <c r="D39" s="478">
        <v>2.2999999999999998</v>
      </c>
      <c r="E39" s="478">
        <v>2.4</v>
      </c>
      <c r="F39" s="478">
        <v>2.2999999999999998</v>
      </c>
      <c r="G39" s="479">
        <v>0.5</v>
      </c>
      <c r="H39" s="479">
        <v>0.8</v>
      </c>
      <c r="I39" s="479">
        <v>-2.8</v>
      </c>
    </row>
    <row r="40" spans="2:9" x14ac:dyDescent="0.15">
      <c r="B40" s="654" t="s">
        <v>263</v>
      </c>
      <c r="C40" s="655"/>
      <c r="D40" s="478">
        <v>0.9</v>
      </c>
      <c r="E40" s="478">
        <v>1.9</v>
      </c>
      <c r="F40" s="478">
        <v>1.5</v>
      </c>
      <c r="G40" s="479">
        <v>-3.8</v>
      </c>
      <c r="H40" s="479">
        <v>-4</v>
      </c>
      <c r="I40" s="479">
        <v>-1</v>
      </c>
    </row>
    <row r="41" spans="2:9" x14ac:dyDescent="0.15">
      <c r="B41" s="654" t="s">
        <v>264</v>
      </c>
      <c r="C41" s="660"/>
      <c r="D41" s="478">
        <v>2.7</v>
      </c>
      <c r="E41" s="478">
        <v>1.6</v>
      </c>
      <c r="F41" s="478">
        <v>1.8</v>
      </c>
      <c r="G41" s="479">
        <v>-1.7</v>
      </c>
      <c r="H41" s="479">
        <v>-1.5</v>
      </c>
      <c r="I41" s="479">
        <v>-3.9</v>
      </c>
    </row>
    <row r="42" spans="2:9" x14ac:dyDescent="0.15">
      <c r="B42" s="652" t="s">
        <v>265</v>
      </c>
      <c r="C42" s="653"/>
      <c r="D42" s="488">
        <v>3.5</v>
      </c>
      <c r="E42" s="488">
        <v>3.1</v>
      </c>
      <c r="F42" s="488">
        <v>3.2</v>
      </c>
      <c r="G42" s="489">
        <v>0.7</v>
      </c>
      <c r="H42" s="489">
        <v>0.4</v>
      </c>
      <c r="I42" s="489">
        <v>4.3</v>
      </c>
    </row>
  </sheetData>
  <mergeCells count="35">
    <mergeCell ref="B10:I10"/>
    <mergeCell ref="B5:I5"/>
    <mergeCell ref="B6:I6"/>
    <mergeCell ref="B7:I7"/>
    <mergeCell ref="B8:I8"/>
    <mergeCell ref="B9:I9"/>
    <mergeCell ref="B11:I11"/>
    <mergeCell ref="B14:C16"/>
    <mergeCell ref="D14:F14"/>
    <mergeCell ref="G14:I14"/>
    <mergeCell ref="D15:D16"/>
    <mergeCell ref="E15:E16"/>
    <mergeCell ref="F15:F16"/>
    <mergeCell ref="G15:G16"/>
    <mergeCell ref="H15:H16"/>
    <mergeCell ref="I15:I16"/>
    <mergeCell ref="B33:C33"/>
    <mergeCell ref="B19:C19"/>
    <mergeCell ref="B20:C20"/>
    <mergeCell ref="B21:C21"/>
    <mergeCell ref="B22:C22"/>
    <mergeCell ref="B23:C23"/>
    <mergeCell ref="B24:C24"/>
    <mergeCell ref="B25:C25"/>
    <mergeCell ref="B26:C26"/>
    <mergeCell ref="B30:C30"/>
    <mergeCell ref="B31:C31"/>
    <mergeCell ref="B32:C32"/>
    <mergeCell ref="B42:C42"/>
    <mergeCell ref="B34:C34"/>
    <mergeCell ref="B35:C35"/>
    <mergeCell ref="B36:C36"/>
    <mergeCell ref="B39:C39"/>
    <mergeCell ref="B40:C40"/>
    <mergeCell ref="B41:C41"/>
  </mergeCells>
  <phoneticPr fontId="3"/>
  <conditionalFormatting sqref="B19:I41 B42:C42">
    <cfRule type="expression" dxfId="1" priority="1" stopIfTrue="1">
      <formula>OR(RIGHT($B19,2)="６月",RIGHT($B19,3)="12月")</formula>
    </cfRule>
  </conditionalFormatting>
  <conditionalFormatting sqref="D42:I42">
    <cfRule type="expression" dxfId="0" priority="2" stopIfTrue="1">
      <formula>OR(RIGHT(#REF!,2)="６月",RIGHT(#REF!,3)="12月")</formula>
    </cfRule>
  </conditionalFormatting>
  <printOptions horizontalCentered="1" gridLinesSet="0"/>
  <pageMargins left="0.59055118110236227" right="0.19685039370078741" top="0.6692913385826772" bottom="0.51181102362204722" header="0.31496062992125984" footer="0.15748031496062992"/>
  <pageSetup paperSize="9" scale="88" fitToHeight="0" orientation="portrait" r:id="rId1"/>
  <headerFooter alignWithMargins="0">
    <oddFooter>&amp;C- 24 -</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F1EC651-7671-40C9-A83D-7FFE943B5A04}">
  <sheetPr codeName="Sheet8">
    <tabColor indexed="52"/>
    <pageSetUpPr fitToPage="1"/>
  </sheetPr>
  <dimension ref="A1:P51"/>
  <sheetViews>
    <sheetView view="pageBreakPreview" zoomScaleNormal="85" zoomScaleSheetLayoutView="100" workbookViewId="0">
      <selection sqref="A1:A48"/>
    </sheetView>
  </sheetViews>
  <sheetFormatPr defaultColWidth="9" defaultRowHeight="14.25" customHeight="1" x14ac:dyDescent="0.15"/>
  <cols>
    <col min="1" max="1" width="5" style="162" customWidth="1"/>
    <col min="2" max="2" width="6.625" style="161" customWidth="1"/>
    <col min="3" max="3" width="23.75" style="28" customWidth="1"/>
    <col min="4" max="4" width="9.875" style="26" customWidth="1"/>
    <col min="5" max="5" width="10" style="28" customWidth="1"/>
    <col min="6" max="8" width="9.375" style="28" customWidth="1"/>
    <col min="9" max="9" width="9.875" style="28" customWidth="1"/>
    <col min="10" max="10" width="10" style="28" customWidth="1"/>
    <col min="11" max="11" width="9.375" style="28" customWidth="1"/>
    <col min="12" max="12" width="9.875" style="28" customWidth="1"/>
    <col min="13" max="13" width="10" style="28" customWidth="1"/>
    <col min="14" max="14" width="9.375" style="28" customWidth="1"/>
    <col min="15" max="15" width="6.625" style="28" customWidth="1"/>
    <col min="16" max="16384" width="9" style="3"/>
  </cols>
  <sheetData>
    <row r="1" spans="1:16" ht="22.5" customHeight="1" x14ac:dyDescent="0.15">
      <c r="A1" s="553" t="s">
        <v>32</v>
      </c>
      <c r="B1" s="491" t="s">
        <v>69</v>
      </c>
      <c r="C1" s="491"/>
      <c r="D1" s="491"/>
      <c r="E1" s="491"/>
      <c r="F1" s="491"/>
      <c r="G1" s="491"/>
      <c r="H1" s="491"/>
      <c r="I1" s="491"/>
      <c r="J1" s="491"/>
      <c r="K1" s="491"/>
      <c r="L1" s="491"/>
      <c r="M1" s="491"/>
      <c r="N1" s="491"/>
      <c r="O1" s="491"/>
      <c r="P1" s="119"/>
    </row>
    <row r="2" spans="1:16" ht="11.25" customHeight="1" thickBot="1" x14ac:dyDescent="0.2">
      <c r="A2" s="553"/>
      <c r="B2" s="554" t="s">
        <v>70</v>
      </c>
      <c r="C2" s="554"/>
      <c r="D2" s="554"/>
      <c r="E2" s="554"/>
      <c r="F2" s="554"/>
      <c r="G2" s="554"/>
      <c r="N2" s="555" t="s">
        <v>71</v>
      </c>
      <c r="O2" s="555"/>
    </row>
    <row r="3" spans="1:16" ht="7.5" customHeight="1" x14ac:dyDescent="0.15">
      <c r="A3" s="553"/>
      <c r="B3" s="493" t="s">
        <v>72</v>
      </c>
      <c r="C3" s="520"/>
      <c r="D3" s="120"/>
      <c r="E3" s="493" t="s">
        <v>73</v>
      </c>
      <c r="F3" s="556"/>
      <c r="G3" s="556"/>
      <c r="H3" s="121"/>
      <c r="I3" s="122"/>
      <c r="J3" s="558" t="s">
        <v>74</v>
      </c>
      <c r="K3" s="121"/>
      <c r="L3" s="123"/>
      <c r="M3" s="558" t="s">
        <v>75</v>
      </c>
      <c r="N3" s="121"/>
      <c r="O3" s="493" t="s">
        <v>76</v>
      </c>
    </row>
    <row r="4" spans="1:16" ht="7.5" customHeight="1" x14ac:dyDescent="0.15">
      <c r="A4" s="553"/>
      <c r="B4" s="495"/>
      <c r="C4" s="521"/>
      <c r="D4" s="124"/>
      <c r="E4" s="557"/>
      <c r="F4" s="557"/>
      <c r="G4" s="557"/>
      <c r="H4" s="125"/>
      <c r="I4" s="126"/>
      <c r="J4" s="559"/>
      <c r="K4" s="125"/>
      <c r="L4" s="127"/>
      <c r="M4" s="559"/>
      <c r="N4" s="125"/>
      <c r="O4" s="495"/>
    </row>
    <row r="5" spans="1:16" ht="7.5" customHeight="1" x14ac:dyDescent="0.15">
      <c r="A5" s="553"/>
      <c r="B5" s="495"/>
      <c r="C5" s="521"/>
      <c r="D5" s="546" t="s">
        <v>5</v>
      </c>
      <c r="E5" s="128"/>
      <c r="F5" s="128"/>
      <c r="G5" s="128"/>
      <c r="H5" s="129"/>
      <c r="I5" s="546" t="s">
        <v>5</v>
      </c>
      <c r="J5" s="130"/>
      <c r="K5" s="131"/>
      <c r="L5" s="546" t="s">
        <v>5</v>
      </c>
      <c r="M5" s="130"/>
      <c r="N5" s="131"/>
      <c r="O5" s="495"/>
    </row>
    <row r="6" spans="1:16" ht="7.5" customHeight="1" x14ac:dyDescent="0.15">
      <c r="A6" s="553"/>
      <c r="B6" s="495"/>
      <c r="C6" s="521"/>
      <c r="D6" s="547"/>
      <c r="E6" s="549" t="s">
        <v>77</v>
      </c>
      <c r="F6" s="128"/>
      <c r="G6" s="129"/>
      <c r="H6" s="551" t="s">
        <v>7</v>
      </c>
      <c r="I6" s="547"/>
      <c r="J6" s="549" t="s">
        <v>77</v>
      </c>
      <c r="K6" s="551" t="s">
        <v>7</v>
      </c>
      <c r="L6" s="547"/>
      <c r="M6" s="549" t="s">
        <v>77</v>
      </c>
      <c r="N6" s="551" t="s">
        <v>7</v>
      </c>
      <c r="O6" s="495"/>
    </row>
    <row r="7" spans="1:16" ht="7.5" customHeight="1" x14ac:dyDescent="0.15">
      <c r="A7" s="553"/>
      <c r="B7" s="495"/>
      <c r="C7" s="521"/>
      <c r="D7" s="547"/>
      <c r="E7" s="550"/>
      <c r="F7" s="544" t="s">
        <v>8</v>
      </c>
      <c r="G7" s="544" t="s">
        <v>9</v>
      </c>
      <c r="H7" s="552"/>
      <c r="I7" s="547"/>
      <c r="J7" s="550"/>
      <c r="K7" s="552"/>
      <c r="L7" s="547"/>
      <c r="M7" s="550"/>
      <c r="N7" s="552"/>
      <c r="O7" s="495"/>
    </row>
    <row r="8" spans="1:16" ht="7.5" customHeight="1" x14ac:dyDescent="0.15">
      <c r="A8" s="553"/>
      <c r="B8" s="522"/>
      <c r="C8" s="523"/>
      <c r="D8" s="548"/>
      <c r="E8" s="550"/>
      <c r="F8" s="545"/>
      <c r="G8" s="545"/>
      <c r="H8" s="552"/>
      <c r="I8" s="548"/>
      <c r="J8" s="550"/>
      <c r="K8" s="552"/>
      <c r="L8" s="548"/>
      <c r="M8" s="550"/>
      <c r="N8" s="552"/>
      <c r="O8" s="522"/>
    </row>
    <row r="9" spans="1:16" ht="13.5" customHeight="1" x14ac:dyDescent="0.15">
      <c r="A9" s="553"/>
      <c r="B9" s="132" t="s">
        <v>33</v>
      </c>
      <c r="C9" s="133" t="s">
        <v>78</v>
      </c>
      <c r="D9" s="134">
        <v>302398</v>
      </c>
      <c r="E9" s="135">
        <v>292302</v>
      </c>
      <c r="F9" s="135">
        <v>273773</v>
      </c>
      <c r="G9" s="135">
        <v>18529</v>
      </c>
      <c r="H9" s="135">
        <v>10096</v>
      </c>
      <c r="I9" s="134">
        <v>379154</v>
      </c>
      <c r="J9" s="135">
        <v>366261</v>
      </c>
      <c r="K9" s="135">
        <v>12893</v>
      </c>
      <c r="L9" s="134">
        <v>220209</v>
      </c>
      <c r="M9" s="135">
        <v>213109</v>
      </c>
      <c r="N9" s="136">
        <v>7100</v>
      </c>
      <c r="O9" s="132" t="s">
        <v>33</v>
      </c>
    </row>
    <row r="10" spans="1:16" ht="7.5" customHeight="1" x14ac:dyDescent="0.15">
      <c r="A10" s="553"/>
      <c r="B10" s="137"/>
      <c r="C10" s="138"/>
      <c r="D10" s="139"/>
      <c r="E10" s="140"/>
      <c r="F10" s="140"/>
      <c r="G10" s="140"/>
      <c r="H10" s="140"/>
      <c r="I10" s="139"/>
      <c r="J10" s="140"/>
      <c r="K10" s="140"/>
      <c r="L10" s="139"/>
      <c r="M10" s="140"/>
      <c r="N10" s="141"/>
      <c r="O10" s="137"/>
    </row>
    <row r="11" spans="1:16" ht="13.5" customHeight="1" x14ac:dyDescent="0.15">
      <c r="A11" s="553"/>
      <c r="B11" s="137" t="s">
        <v>34</v>
      </c>
      <c r="C11" s="142" t="s">
        <v>79</v>
      </c>
      <c r="D11" s="139">
        <v>444794</v>
      </c>
      <c r="E11" s="140">
        <v>411751</v>
      </c>
      <c r="F11" s="140">
        <v>383672</v>
      </c>
      <c r="G11" s="140">
        <v>28079</v>
      </c>
      <c r="H11" s="140">
        <v>33043</v>
      </c>
      <c r="I11" s="139">
        <v>465786</v>
      </c>
      <c r="J11" s="140">
        <v>432346</v>
      </c>
      <c r="K11" s="140">
        <v>33440</v>
      </c>
      <c r="L11" s="139">
        <v>346423</v>
      </c>
      <c r="M11" s="140">
        <v>315240</v>
      </c>
      <c r="N11" s="141">
        <v>31183</v>
      </c>
      <c r="O11" s="137" t="s">
        <v>34</v>
      </c>
    </row>
    <row r="12" spans="1:16" ht="13.5" customHeight="1" x14ac:dyDescent="0.15">
      <c r="A12" s="553"/>
      <c r="B12" s="132" t="s">
        <v>35</v>
      </c>
      <c r="C12" s="133" t="s">
        <v>80</v>
      </c>
      <c r="D12" s="143">
        <v>414143</v>
      </c>
      <c r="E12" s="144">
        <v>386044</v>
      </c>
      <c r="F12" s="144">
        <v>353943</v>
      </c>
      <c r="G12" s="144">
        <v>32101</v>
      </c>
      <c r="H12" s="144">
        <v>28099</v>
      </c>
      <c r="I12" s="143">
        <v>461501</v>
      </c>
      <c r="J12" s="144">
        <v>428808</v>
      </c>
      <c r="K12" s="144">
        <v>32693</v>
      </c>
      <c r="L12" s="143">
        <v>282324</v>
      </c>
      <c r="M12" s="144">
        <v>267010</v>
      </c>
      <c r="N12" s="145">
        <v>15314</v>
      </c>
      <c r="O12" s="132" t="s">
        <v>35</v>
      </c>
    </row>
    <row r="13" spans="1:16" ht="13.5" customHeight="1" x14ac:dyDescent="0.15">
      <c r="A13" s="553"/>
      <c r="B13" s="137" t="s">
        <v>36</v>
      </c>
      <c r="C13" s="142" t="s">
        <v>81</v>
      </c>
      <c r="D13" s="139">
        <v>475419</v>
      </c>
      <c r="E13" s="140">
        <v>466335</v>
      </c>
      <c r="F13" s="140">
        <v>420348</v>
      </c>
      <c r="G13" s="140">
        <v>45987</v>
      </c>
      <c r="H13" s="140">
        <v>9084</v>
      </c>
      <c r="I13" s="139">
        <v>498300</v>
      </c>
      <c r="J13" s="140">
        <v>488136</v>
      </c>
      <c r="K13" s="140">
        <v>10164</v>
      </c>
      <c r="L13" s="139">
        <v>351425</v>
      </c>
      <c r="M13" s="140">
        <v>348192</v>
      </c>
      <c r="N13" s="141">
        <v>3233</v>
      </c>
      <c r="O13" s="137" t="s">
        <v>36</v>
      </c>
    </row>
    <row r="14" spans="1:16" ht="13.5" customHeight="1" x14ac:dyDescent="0.15">
      <c r="A14" s="553"/>
      <c r="B14" s="132" t="s">
        <v>37</v>
      </c>
      <c r="C14" s="133" t="s">
        <v>82</v>
      </c>
      <c r="D14" s="143">
        <v>440007</v>
      </c>
      <c r="E14" s="144">
        <v>433627</v>
      </c>
      <c r="F14" s="144">
        <v>400670</v>
      </c>
      <c r="G14" s="144">
        <v>32957</v>
      </c>
      <c r="H14" s="144">
        <v>6380</v>
      </c>
      <c r="I14" s="143">
        <v>466672</v>
      </c>
      <c r="J14" s="144">
        <v>458951</v>
      </c>
      <c r="K14" s="144">
        <v>7721</v>
      </c>
      <c r="L14" s="143">
        <v>361704</v>
      </c>
      <c r="M14" s="144">
        <v>359260</v>
      </c>
      <c r="N14" s="145">
        <v>2444</v>
      </c>
      <c r="O14" s="132" t="s">
        <v>37</v>
      </c>
    </row>
    <row r="15" spans="1:16" ht="13.5" customHeight="1" x14ac:dyDescent="0.15">
      <c r="A15" s="553"/>
      <c r="B15" s="137" t="s">
        <v>38</v>
      </c>
      <c r="C15" s="142" t="s">
        <v>83</v>
      </c>
      <c r="D15" s="139">
        <v>323890</v>
      </c>
      <c r="E15" s="140">
        <v>320355</v>
      </c>
      <c r="F15" s="140">
        <v>285022</v>
      </c>
      <c r="G15" s="140">
        <v>35333</v>
      </c>
      <c r="H15" s="140">
        <v>3535</v>
      </c>
      <c r="I15" s="139">
        <v>362043</v>
      </c>
      <c r="J15" s="140">
        <v>359187</v>
      </c>
      <c r="K15" s="140">
        <v>2856</v>
      </c>
      <c r="L15" s="139">
        <v>221591</v>
      </c>
      <c r="M15" s="140">
        <v>216234</v>
      </c>
      <c r="N15" s="141">
        <v>5357</v>
      </c>
      <c r="O15" s="137" t="s">
        <v>38</v>
      </c>
    </row>
    <row r="16" spans="1:16" ht="13.5" customHeight="1" x14ac:dyDescent="0.15">
      <c r="A16" s="553"/>
      <c r="B16" s="132" t="s">
        <v>39</v>
      </c>
      <c r="C16" s="133" t="s">
        <v>84</v>
      </c>
      <c r="D16" s="143">
        <v>234155</v>
      </c>
      <c r="E16" s="144">
        <v>231242</v>
      </c>
      <c r="F16" s="144">
        <v>220367</v>
      </c>
      <c r="G16" s="144">
        <v>10875</v>
      </c>
      <c r="H16" s="144">
        <v>2913</v>
      </c>
      <c r="I16" s="143">
        <v>325741</v>
      </c>
      <c r="J16" s="144">
        <v>321684</v>
      </c>
      <c r="K16" s="144">
        <v>4057</v>
      </c>
      <c r="L16" s="143">
        <v>174926</v>
      </c>
      <c r="M16" s="144">
        <v>172753</v>
      </c>
      <c r="N16" s="145">
        <v>2173</v>
      </c>
      <c r="O16" s="132" t="s">
        <v>39</v>
      </c>
    </row>
    <row r="17" spans="1:15" ht="13.5" customHeight="1" x14ac:dyDescent="0.15">
      <c r="A17" s="553"/>
      <c r="B17" s="137" t="s">
        <v>40</v>
      </c>
      <c r="C17" s="142" t="s">
        <v>85</v>
      </c>
      <c r="D17" s="139">
        <v>411710</v>
      </c>
      <c r="E17" s="140">
        <v>397851</v>
      </c>
      <c r="F17" s="140">
        <v>371528</v>
      </c>
      <c r="G17" s="140">
        <v>26323</v>
      </c>
      <c r="H17" s="140">
        <v>13859</v>
      </c>
      <c r="I17" s="139">
        <v>564017</v>
      </c>
      <c r="J17" s="140">
        <v>547179</v>
      </c>
      <c r="K17" s="140">
        <v>16838</v>
      </c>
      <c r="L17" s="139">
        <v>308368</v>
      </c>
      <c r="M17" s="140">
        <v>296531</v>
      </c>
      <c r="N17" s="141">
        <v>11837</v>
      </c>
      <c r="O17" s="137" t="s">
        <v>40</v>
      </c>
    </row>
    <row r="18" spans="1:15" ht="13.5" customHeight="1" x14ac:dyDescent="0.15">
      <c r="A18" s="553"/>
      <c r="B18" s="132" t="s">
        <v>41</v>
      </c>
      <c r="C18" s="133" t="s">
        <v>86</v>
      </c>
      <c r="D18" s="143">
        <v>338367</v>
      </c>
      <c r="E18" s="144">
        <v>327816</v>
      </c>
      <c r="F18" s="144">
        <v>306720</v>
      </c>
      <c r="G18" s="144">
        <v>21096</v>
      </c>
      <c r="H18" s="144">
        <v>10551</v>
      </c>
      <c r="I18" s="143">
        <v>383629</v>
      </c>
      <c r="J18" s="144">
        <v>371255</v>
      </c>
      <c r="K18" s="144">
        <v>12374</v>
      </c>
      <c r="L18" s="143">
        <v>250747</v>
      </c>
      <c r="M18" s="144">
        <v>243727</v>
      </c>
      <c r="N18" s="145">
        <v>7020</v>
      </c>
      <c r="O18" s="132" t="s">
        <v>41</v>
      </c>
    </row>
    <row r="19" spans="1:15" ht="13.5" customHeight="1" x14ac:dyDescent="0.15">
      <c r="A19" s="553"/>
      <c r="B19" s="137" t="s">
        <v>42</v>
      </c>
      <c r="C19" s="142" t="s">
        <v>87</v>
      </c>
      <c r="D19" s="139">
        <v>473334</v>
      </c>
      <c r="E19" s="140">
        <v>464853</v>
      </c>
      <c r="F19" s="140">
        <v>433360</v>
      </c>
      <c r="G19" s="140">
        <v>31493</v>
      </c>
      <c r="H19" s="140">
        <v>8481</v>
      </c>
      <c r="I19" s="139">
        <v>533385</v>
      </c>
      <c r="J19" s="140">
        <v>527021</v>
      </c>
      <c r="K19" s="140">
        <v>6364</v>
      </c>
      <c r="L19" s="139">
        <v>334475</v>
      </c>
      <c r="M19" s="140">
        <v>321099</v>
      </c>
      <c r="N19" s="141">
        <v>13376</v>
      </c>
      <c r="O19" s="137" t="s">
        <v>42</v>
      </c>
    </row>
    <row r="20" spans="1:15" ht="13.5" customHeight="1" x14ac:dyDescent="0.15">
      <c r="A20" s="553"/>
      <c r="B20" s="132" t="s">
        <v>43</v>
      </c>
      <c r="C20" s="133" t="s">
        <v>88</v>
      </c>
      <c r="D20" s="143">
        <v>132871</v>
      </c>
      <c r="E20" s="144">
        <v>128899</v>
      </c>
      <c r="F20" s="144">
        <v>119477</v>
      </c>
      <c r="G20" s="144">
        <v>9422</v>
      </c>
      <c r="H20" s="144">
        <v>3972</v>
      </c>
      <c r="I20" s="143">
        <v>166722</v>
      </c>
      <c r="J20" s="144">
        <v>161095</v>
      </c>
      <c r="K20" s="144">
        <v>5627</v>
      </c>
      <c r="L20" s="143">
        <v>109866</v>
      </c>
      <c r="M20" s="144">
        <v>107019</v>
      </c>
      <c r="N20" s="145">
        <v>2847</v>
      </c>
      <c r="O20" s="132" t="s">
        <v>43</v>
      </c>
    </row>
    <row r="21" spans="1:15" ht="13.5" customHeight="1" x14ac:dyDescent="0.15">
      <c r="A21" s="553"/>
      <c r="B21" s="137" t="s">
        <v>44</v>
      </c>
      <c r="C21" s="142" t="s">
        <v>89</v>
      </c>
      <c r="D21" s="139">
        <v>229698</v>
      </c>
      <c r="E21" s="140">
        <v>221763</v>
      </c>
      <c r="F21" s="140">
        <v>211543</v>
      </c>
      <c r="G21" s="140">
        <v>10220</v>
      </c>
      <c r="H21" s="140">
        <v>7935</v>
      </c>
      <c r="I21" s="139">
        <v>255151</v>
      </c>
      <c r="J21" s="140">
        <v>249177</v>
      </c>
      <c r="K21" s="140">
        <v>5974</v>
      </c>
      <c r="L21" s="139">
        <v>209810</v>
      </c>
      <c r="M21" s="140">
        <v>200342</v>
      </c>
      <c r="N21" s="141">
        <v>9468</v>
      </c>
      <c r="O21" s="137" t="s">
        <v>44</v>
      </c>
    </row>
    <row r="22" spans="1:15" ht="13.5" customHeight="1" x14ac:dyDescent="0.15">
      <c r="A22" s="553"/>
      <c r="B22" s="132" t="s">
        <v>45</v>
      </c>
      <c r="C22" s="133" t="s">
        <v>90</v>
      </c>
      <c r="D22" s="143">
        <v>325025</v>
      </c>
      <c r="E22" s="144">
        <v>312708</v>
      </c>
      <c r="F22" s="144">
        <v>308607</v>
      </c>
      <c r="G22" s="144">
        <v>4101</v>
      </c>
      <c r="H22" s="144">
        <v>12317</v>
      </c>
      <c r="I22" s="143">
        <v>353940</v>
      </c>
      <c r="J22" s="144">
        <v>340365</v>
      </c>
      <c r="K22" s="144">
        <v>13575</v>
      </c>
      <c r="L22" s="143">
        <v>294810</v>
      </c>
      <c r="M22" s="144">
        <v>283807</v>
      </c>
      <c r="N22" s="145">
        <v>11003</v>
      </c>
      <c r="O22" s="132" t="s">
        <v>45</v>
      </c>
    </row>
    <row r="23" spans="1:15" ht="13.5" customHeight="1" x14ac:dyDescent="0.15">
      <c r="A23" s="553"/>
      <c r="B23" s="137" t="s">
        <v>46</v>
      </c>
      <c r="C23" s="142" t="s">
        <v>91</v>
      </c>
      <c r="D23" s="139">
        <v>270703</v>
      </c>
      <c r="E23" s="140">
        <v>261698</v>
      </c>
      <c r="F23" s="140">
        <v>249107</v>
      </c>
      <c r="G23" s="140">
        <v>12591</v>
      </c>
      <c r="H23" s="140">
        <v>9005</v>
      </c>
      <c r="I23" s="139">
        <v>355488</v>
      </c>
      <c r="J23" s="140">
        <v>346677</v>
      </c>
      <c r="K23" s="140">
        <v>8811</v>
      </c>
      <c r="L23" s="139">
        <v>239193</v>
      </c>
      <c r="M23" s="140">
        <v>230116</v>
      </c>
      <c r="N23" s="141">
        <v>9077</v>
      </c>
      <c r="O23" s="137" t="s">
        <v>46</v>
      </c>
    </row>
    <row r="24" spans="1:15" ht="13.5" customHeight="1" x14ac:dyDescent="0.15">
      <c r="A24" s="553"/>
      <c r="B24" s="132" t="s">
        <v>47</v>
      </c>
      <c r="C24" s="133" t="s">
        <v>92</v>
      </c>
      <c r="D24" s="146">
        <v>359692</v>
      </c>
      <c r="E24" s="147">
        <v>359097</v>
      </c>
      <c r="F24" s="147">
        <v>333368</v>
      </c>
      <c r="G24" s="147">
        <v>25729</v>
      </c>
      <c r="H24" s="147">
        <v>595</v>
      </c>
      <c r="I24" s="146">
        <v>422378</v>
      </c>
      <c r="J24" s="147">
        <v>421673</v>
      </c>
      <c r="K24" s="147">
        <v>705</v>
      </c>
      <c r="L24" s="146">
        <v>274555</v>
      </c>
      <c r="M24" s="147">
        <v>274110</v>
      </c>
      <c r="N24" s="148">
        <v>445</v>
      </c>
      <c r="O24" s="132" t="s">
        <v>47</v>
      </c>
    </row>
    <row r="25" spans="1:15" ht="13.5" customHeight="1" x14ac:dyDescent="0.15">
      <c r="A25" s="553"/>
      <c r="B25" s="137" t="s">
        <v>48</v>
      </c>
      <c r="C25" s="142" t="s">
        <v>93</v>
      </c>
      <c r="D25" s="139">
        <v>279247</v>
      </c>
      <c r="E25" s="140">
        <v>276276</v>
      </c>
      <c r="F25" s="140">
        <v>256297</v>
      </c>
      <c r="G25" s="140">
        <v>19979</v>
      </c>
      <c r="H25" s="140">
        <v>2971</v>
      </c>
      <c r="I25" s="139">
        <v>331714</v>
      </c>
      <c r="J25" s="140">
        <v>328337</v>
      </c>
      <c r="K25" s="140">
        <v>3377</v>
      </c>
      <c r="L25" s="139">
        <v>200676</v>
      </c>
      <c r="M25" s="140">
        <v>198314</v>
      </c>
      <c r="N25" s="141">
        <v>2362</v>
      </c>
      <c r="O25" s="137" t="s">
        <v>48</v>
      </c>
    </row>
    <row r="26" spans="1:15" ht="7.5" customHeight="1" x14ac:dyDescent="0.15">
      <c r="A26" s="553"/>
      <c r="B26" s="137"/>
      <c r="C26" s="142"/>
      <c r="D26" s="139"/>
      <c r="E26" s="140"/>
      <c r="F26" s="140"/>
      <c r="G26" s="140"/>
      <c r="H26" s="140"/>
      <c r="I26" s="139"/>
      <c r="J26" s="140"/>
      <c r="K26" s="140"/>
      <c r="L26" s="139"/>
      <c r="M26" s="140"/>
      <c r="N26" s="141"/>
      <c r="O26" s="137"/>
    </row>
    <row r="27" spans="1:15" ht="13.5" customHeight="1" x14ac:dyDescent="0.15">
      <c r="A27" s="553"/>
      <c r="B27" s="132" t="s">
        <v>49</v>
      </c>
      <c r="C27" s="133" t="s">
        <v>94</v>
      </c>
      <c r="D27" s="143">
        <v>253106</v>
      </c>
      <c r="E27" s="144">
        <v>252500</v>
      </c>
      <c r="F27" s="144">
        <v>228692</v>
      </c>
      <c r="G27" s="144">
        <v>23808</v>
      </c>
      <c r="H27" s="144">
        <v>606</v>
      </c>
      <c r="I27" s="143">
        <v>324712</v>
      </c>
      <c r="J27" s="144">
        <v>323932</v>
      </c>
      <c r="K27" s="144">
        <v>780</v>
      </c>
      <c r="L27" s="143">
        <v>187588</v>
      </c>
      <c r="M27" s="144">
        <v>187141</v>
      </c>
      <c r="N27" s="145">
        <v>447</v>
      </c>
      <c r="O27" s="132" t="s">
        <v>49</v>
      </c>
    </row>
    <row r="28" spans="1:15" ht="13.5" customHeight="1" x14ac:dyDescent="0.15">
      <c r="A28" s="553"/>
      <c r="B28" s="137" t="s">
        <v>50</v>
      </c>
      <c r="C28" s="142" t="s">
        <v>95</v>
      </c>
      <c r="D28" s="149">
        <v>331357</v>
      </c>
      <c r="E28" s="150">
        <v>331357</v>
      </c>
      <c r="F28" s="150">
        <v>303156</v>
      </c>
      <c r="G28" s="150">
        <v>28201</v>
      </c>
      <c r="H28" s="150">
        <v>0</v>
      </c>
      <c r="I28" s="149">
        <v>381538</v>
      </c>
      <c r="J28" s="150">
        <v>381538</v>
      </c>
      <c r="K28" s="150">
        <v>0</v>
      </c>
      <c r="L28" s="149">
        <v>214193</v>
      </c>
      <c r="M28" s="150">
        <v>214193</v>
      </c>
      <c r="N28" s="151">
        <v>0</v>
      </c>
      <c r="O28" s="137" t="s">
        <v>50</v>
      </c>
    </row>
    <row r="29" spans="1:15" ht="13.5" customHeight="1" x14ac:dyDescent="0.15">
      <c r="A29" s="553"/>
      <c r="B29" s="132" t="s">
        <v>51</v>
      </c>
      <c r="C29" s="133" t="s">
        <v>96</v>
      </c>
      <c r="D29" s="146">
        <v>327616</v>
      </c>
      <c r="E29" s="147">
        <v>319529</v>
      </c>
      <c r="F29" s="147">
        <v>308873</v>
      </c>
      <c r="G29" s="147">
        <v>10656</v>
      </c>
      <c r="H29" s="147">
        <v>8087</v>
      </c>
      <c r="I29" s="146">
        <v>373019</v>
      </c>
      <c r="J29" s="147">
        <v>364624</v>
      </c>
      <c r="K29" s="147">
        <v>8395</v>
      </c>
      <c r="L29" s="146">
        <v>243259</v>
      </c>
      <c r="M29" s="147">
        <v>235744</v>
      </c>
      <c r="N29" s="148">
        <v>7515</v>
      </c>
      <c r="O29" s="132" t="s">
        <v>51</v>
      </c>
    </row>
    <row r="30" spans="1:15" ht="13.5" customHeight="1" x14ac:dyDescent="0.15">
      <c r="A30" s="553"/>
      <c r="B30" s="137" t="s">
        <v>52</v>
      </c>
      <c r="C30" s="142" t="s">
        <v>97</v>
      </c>
      <c r="D30" s="139">
        <v>333326</v>
      </c>
      <c r="E30" s="140">
        <v>333009</v>
      </c>
      <c r="F30" s="140">
        <v>302610</v>
      </c>
      <c r="G30" s="140">
        <v>30399</v>
      </c>
      <c r="H30" s="140">
        <v>317</v>
      </c>
      <c r="I30" s="139">
        <v>353130</v>
      </c>
      <c r="J30" s="140">
        <v>352865</v>
      </c>
      <c r="K30" s="140">
        <v>265</v>
      </c>
      <c r="L30" s="139">
        <v>257432</v>
      </c>
      <c r="M30" s="140">
        <v>256912</v>
      </c>
      <c r="N30" s="141">
        <v>520</v>
      </c>
      <c r="O30" s="137" t="s">
        <v>52</v>
      </c>
    </row>
    <row r="31" spans="1:15" ht="13.5" customHeight="1" x14ac:dyDescent="0.15">
      <c r="A31" s="553"/>
      <c r="B31" s="132" t="s">
        <v>53</v>
      </c>
      <c r="C31" s="133" t="s">
        <v>98</v>
      </c>
      <c r="D31" s="143">
        <v>310820</v>
      </c>
      <c r="E31" s="144">
        <v>310787</v>
      </c>
      <c r="F31" s="144">
        <v>291725</v>
      </c>
      <c r="G31" s="144">
        <v>19062</v>
      </c>
      <c r="H31" s="144">
        <v>33</v>
      </c>
      <c r="I31" s="143">
        <v>370388</v>
      </c>
      <c r="J31" s="144">
        <v>370333</v>
      </c>
      <c r="K31" s="144">
        <v>55</v>
      </c>
      <c r="L31" s="143">
        <v>224185</v>
      </c>
      <c r="M31" s="144">
        <v>224185</v>
      </c>
      <c r="N31" s="145">
        <v>0</v>
      </c>
      <c r="O31" s="132" t="s">
        <v>53</v>
      </c>
    </row>
    <row r="32" spans="1:15" ht="13.5" customHeight="1" x14ac:dyDescent="0.15">
      <c r="A32" s="553"/>
      <c r="B32" s="137" t="s">
        <v>54</v>
      </c>
      <c r="C32" s="142" t="s">
        <v>99</v>
      </c>
      <c r="D32" s="139">
        <v>391663</v>
      </c>
      <c r="E32" s="140">
        <v>389080</v>
      </c>
      <c r="F32" s="140">
        <v>354038</v>
      </c>
      <c r="G32" s="140">
        <v>35042</v>
      </c>
      <c r="H32" s="140">
        <v>2583</v>
      </c>
      <c r="I32" s="139">
        <v>461622</v>
      </c>
      <c r="J32" s="140">
        <v>457670</v>
      </c>
      <c r="K32" s="140">
        <v>3952</v>
      </c>
      <c r="L32" s="139">
        <v>281725</v>
      </c>
      <c r="M32" s="140">
        <v>281292</v>
      </c>
      <c r="N32" s="141">
        <v>433</v>
      </c>
      <c r="O32" s="137" t="s">
        <v>54</v>
      </c>
    </row>
    <row r="33" spans="1:15" ht="13.5" customHeight="1" x14ac:dyDescent="0.15">
      <c r="A33" s="553"/>
      <c r="B33" s="132" t="s">
        <v>55</v>
      </c>
      <c r="C33" s="133" t="s">
        <v>100</v>
      </c>
      <c r="D33" s="143">
        <v>402266</v>
      </c>
      <c r="E33" s="144">
        <v>340248</v>
      </c>
      <c r="F33" s="144">
        <v>318241</v>
      </c>
      <c r="G33" s="144">
        <v>22007</v>
      </c>
      <c r="H33" s="144">
        <v>62018</v>
      </c>
      <c r="I33" s="143">
        <v>490327</v>
      </c>
      <c r="J33" s="144">
        <v>397081</v>
      </c>
      <c r="K33" s="144">
        <v>93246</v>
      </c>
      <c r="L33" s="143">
        <v>241424</v>
      </c>
      <c r="M33" s="144">
        <v>236444</v>
      </c>
      <c r="N33" s="145">
        <v>4980</v>
      </c>
      <c r="O33" s="132" t="s">
        <v>55</v>
      </c>
    </row>
    <row r="34" spans="1:15" ht="13.5" customHeight="1" x14ac:dyDescent="0.15">
      <c r="A34" s="553"/>
      <c r="B34" s="137" t="s">
        <v>56</v>
      </c>
      <c r="C34" s="142" t="s">
        <v>101</v>
      </c>
      <c r="D34" s="139">
        <v>853767</v>
      </c>
      <c r="E34" s="140">
        <v>380291</v>
      </c>
      <c r="F34" s="140">
        <v>334680</v>
      </c>
      <c r="G34" s="140">
        <v>45611</v>
      </c>
      <c r="H34" s="140">
        <v>473476</v>
      </c>
      <c r="I34" s="139">
        <v>918889</v>
      </c>
      <c r="J34" s="140">
        <v>403391</v>
      </c>
      <c r="K34" s="140">
        <v>515498</v>
      </c>
      <c r="L34" s="139">
        <v>610928</v>
      </c>
      <c r="M34" s="140">
        <v>294151</v>
      </c>
      <c r="N34" s="141">
        <v>316777</v>
      </c>
      <c r="O34" s="137" t="s">
        <v>56</v>
      </c>
    </row>
    <row r="35" spans="1:15" ht="13.5" customHeight="1" x14ac:dyDescent="0.15">
      <c r="A35" s="553"/>
      <c r="B35" s="132" t="s">
        <v>57</v>
      </c>
      <c r="C35" s="133" t="s">
        <v>102</v>
      </c>
      <c r="D35" s="143">
        <v>433899</v>
      </c>
      <c r="E35" s="144">
        <v>432805</v>
      </c>
      <c r="F35" s="144">
        <v>390633</v>
      </c>
      <c r="G35" s="144">
        <v>42172</v>
      </c>
      <c r="H35" s="144">
        <v>1094</v>
      </c>
      <c r="I35" s="143">
        <v>456667</v>
      </c>
      <c r="J35" s="144">
        <v>455760</v>
      </c>
      <c r="K35" s="144">
        <v>907</v>
      </c>
      <c r="L35" s="143">
        <v>331772</v>
      </c>
      <c r="M35" s="144">
        <v>329838</v>
      </c>
      <c r="N35" s="145">
        <v>1934</v>
      </c>
      <c r="O35" s="132" t="s">
        <v>57</v>
      </c>
    </row>
    <row r="36" spans="1:15" ht="13.5" customHeight="1" x14ac:dyDescent="0.15">
      <c r="A36" s="553"/>
      <c r="B36" s="137" t="s">
        <v>58</v>
      </c>
      <c r="C36" s="142" t="s">
        <v>103</v>
      </c>
      <c r="D36" s="139">
        <v>424632</v>
      </c>
      <c r="E36" s="140">
        <v>423507</v>
      </c>
      <c r="F36" s="140">
        <v>381475</v>
      </c>
      <c r="G36" s="140">
        <v>42032</v>
      </c>
      <c r="H36" s="140">
        <v>1125</v>
      </c>
      <c r="I36" s="139">
        <v>443808</v>
      </c>
      <c r="J36" s="140">
        <v>442509</v>
      </c>
      <c r="K36" s="140">
        <v>1299</v>
      </c>
      <c r="L36" s="139">
        <v>324042</v>
      </c>
      <c r="M36" s="140">
        <v>323828</v>
      </c>
      <c r="N36" s="141">
        <v>214</v>
      </c>
      <c r="O36" s="137" t="s">
        <v>58</v>
      </c>
    </row>
    <row r="37" spans="1:15" ht="13.5" customHeight="1" x14ac:dyDescent="0.15">
      <c r="A37" s="553"/>
      <c r="B37" s="132" t="s">
        <v>59</v>
      </c>
      <c r="C37" s="133" t="s">
        <v>104</v>
      </c>
      <c r="D37" s="143">
        <v>410666</v>
      </c>
      <c r="E37" s="144">
        <v>408980</v>
      </c>
      <c r="F37" s="144">
        <v>372011</v>
      </c>
      <c r="G37" s="144">
        <v>36969</v>
      </c>
      <c r="H37" s="144">
        <v>1686</v>
      </c>
      <c r="I37" s="143">
        <v>430478</v>
      </c>
      <c r="J37" s="144">
        <v>428703</v>
      </c>
      <c r="K37" s="144">
        <v>1775</v>
      </c>
      <c r="L37" s="143">
        <v>287475</v>
      </c>
      <c r="M37" s="144">
        <v>286345</v>
      </c>
      <c r="N37" s="145">
        <v>1130</v>
      </c>
      <c r="O37" s="132" t="s">
        <v>59</v>
      </c>
    </row>
    <row r="38" spans="1:15" ht="13.5" customHeight="1" x14ac:dyDescent="0.15">
      <c r="A38" s="553"/>
      <c r="B38" s="137" t="s">
        <v>60</v>
      </c>
      <c r="C38" s="142" t="s">
        <v>105</v>
      </c>
      <c r="D38" s="139">
        <v>341041</v>
      </c>
      <c r="E38" s="140">
        <v>339183</v>
      </c>
      <c r="F38" s="140">
        <v>321995</v>
      </c>
      <c r="G38" s="140">
        <v>17188</v>
      </c>
      <c r="H38" s="140">
        <v>1858</v>
      </c>
      <c r="I38" s="139">
        <v>367575</v>
      </c>
      <c r="J38" s="140">
        <v>365855</v>
      </c>
      <c r="K38" s="140">
        <v>1720</v>
      </c>
      <c r="L38" s="139">
        <v>265482</v>
      </c>
      <c r="M38" s="140">
        <v>263232</v>
      </c>
      <c r="N38" s="141">
        <v>2250</v>
      </c>
      <c r="O38" s="137" t="s">
        <v>60</v>
      </c>
    </row>
    <row r="39" spans="1:15" ht="13.5" customHeight="1" x14ac:dyDescent="0.15">
      <c r="A39" s="553"/>
      <c r="B39" s="132" t="s">
        <v>61</v>
      </c>
      <c r="C39" s="133" t="s">
        <v>106</v>
      </c>
      <c r="D39" s="143">
        <v>539076</v>
      </c>
      <c r="E39" s="144">
        <v>506303</v>
      </c>
      <c r="F39" s="144">
        <v>468859</v>
      </c>
      <c r="G39" s="144">
        <v>37444</v>
      </c>
      <c r="H39" s="144">
        <v>32773</v>
      </c>
      <c r="I39" s="143">
        <v>561685</v>
      </c>
      <c r="J39" s="144">
        <v>526602</v>
      </c>
      <c r="K39" s="144">
        <v>35083</v>
      </c>
      <c r="L39" s="143">
        <v>427629</v>
      </c>
      <c r="M39" s="144">
        <v>406242</v>
      </c>
      <c r="N39" s="145">
        <v>21387</v>
      </c>
      <c r="O39" s="132" t="s">
        <v>61</v>
      </c>
    </row>
    <row r="40" spans="1:15" ht="13.5" customHeight="1" x14ac:dyDescent="0.15">
      <c r="A40" s="553"/>
      <c r="B40" s="137" t="s">
        <v>62</v>
      </c>
      <c r="C40" s="142" t="s">
        <v>107</v>
      </c>
      <c r="D40" s="139">
        <v>380714</v>
      </c>
      <c r="E40" s="140">
        <v>366735</v>
      </c>
      <c r="F40" s="140">
        <v>340676</v>
      </c>
      <c r="G40" s="140">
        <v>26059</v>
      </c>
      <c r="H40" s="140">
        <v>13979</v>
      </c>
      <c r="I40" s="139">
        <v>395614</v>
      </c>
      <c r="J40" s="140">
        <v>380492</v>
      </c>
      <c r="K40" s="140">
        <v>15122</v>
      </c>
      <c r="L40" s="139">
        <v>294706</v>
      </c>
      <c r="M40" s="140">
        <v>287326</v>
      </c>
      <c r="N40" s="141">
        <v>7380</v>
      </c>
      <c r="O40" s="137" t="s">
        <v>62</v>
      </c>
    </row>
    <row r="41" spans="1:15" ht="13.5" customHeight="1" x14ac:dyDescent="0.15">
      <c r="A41" s="553"/>
      <c r="B41" s="132" t="s">
        <v>63</v>
      </c>
      <c r="C41" s="133" t="s">
        <v>108</v>
      </c>
      <c r="D41" s="143">
        <v>442257</v>
      </c>
      <c r="E41" s="144">
        <v>438025</v>
      </c>
      <c r="F41" s="144">
        <v>390706</v>
      </c>
      <c r="G41" s="144">
        <v>47319</v>
      </c>
      <c r="H41" s="144">
        <v>4232</v>
      </c>
      <c r="I41" s="143">
        <v>471314</v>
      </c>
      <c r="J41" s="144">
        <v>467133</v>
      </c>
      <c r="K41" s="144">
        <v>4181</v>
      </c>
      <c r="L41" s="143">
        <v>318501</v>
      </c>
      <c r="M41" s="144">
        <v>314051</v>
      </c>
      <c r="N41" s="145">
        <v>4450</v>
      </c>
      <c r="O41" s="132" t="s">
        <v>63</v>
      </c>
    </row>
    <row r="42" spans="1:15" ht="13.5" customHeight="1" x14ac:dyDescent="0.15">
      <c r="A42" s="553"/>
      <c r="B42" s="137" t="s">
        <v>64</v>
      </c>
      <c r="C42" s="142" t="s">
        <v>109</v>
      </c>
      <c r="D42" s="139">
        <v>805934</v>
      </c>
      <c r="E42" s="140">
        <v>481589</v>
      </c>
      <c r="F42" s="140">
        <v>456680</v>
      </c>
      <c r="G42" s="140">
        <v>24909</v>
      </c>
      <c r="H42" s="140">
        <v>324345</v>
      </c>
      <c r="I42" s="139">
        <v>839348</v>
      </c>
      <c r="J42" s="140">
        <v>502936</v>
      </c>
      <c r="K42" s="140">
        <v>336412</v>
      </c>
      <c r="L42" s="139">
        <v>679002</v>
      </c>
      <c r="M42" s="140">
        <v>400497</v>
      </c>
      <c r="N42" s="141">
        <v>278505</v>
      </c>
      <c r="O42" s="137" t="s">
        <v>64</v>
      </c>
    </row>
    <row r="43" spans="1:15" ht="13.5" customHeight="1" x14ac:dyDescent="0.15">
      <c r="A43" s="553"/>
      <c r="B43" s="132" t="s">
        <v>65</v>
      </c>
      <c r="C43" s="133" t="s">
        <v>110</v>
      </c>
      <c r="D43" s="143">
        <v>364541</v>
      </c>
      <c r="E43" s="144">
        <v>361556</v>
      </c>
      <c r="F43" s="144">
        <v>336318</v>
      </c>
      <c r="G43" s="144">
        <v>25238</v>
      </c>
      <c r="H43" s="144">
        <v>2985</v>
      </c>
      <c r="I43" s="143">
        <v>419242</v>
      </c>
      <c r="J43" s="144">
        <v>416340</v>
      </c>
      <c r="K43" s="144">
        <v>2902</v>
      </c>
      <c r="L43" s="143">
        <v>233823</v>
      </c>
      <c r="M43" s="144">
        <v>230641</v>
      </c>
      <c r="N43" s="145">
        <v>3182</v>
      </c>
      <c r="O43" s="132" t="s">
        <v>65</v>
      </c>
    </row>
    <row r="44" spans="1:15" ht="13.5" customHeight="1" x14ac:dyDescent="0.15">
      <c r="A44" s="553"/>
      <c r="B44" s="137" t="s">
        <v>66</v>
      </c>
      <c r="C44" s="142" t="s">
        <v>111</v>
      </c>
      <c r="D44" s="139">
        <v>505040</v>
      </c>
      <c r="E44" s="140">
        <v>499985</v>
      </c>
      <c r="F44" s="140">
        <v>454334</v>
      </c>
      <c r="G44" s="140">
        <v>45651</v>
      </c>
      <c r="H44" s="140">
        <v>5055</v>
      </c>
      <c r="I44" s="139">
        <v>526409</v>
      </c>
      <c r="J44" s="140">
        <v>521209</v>
      </c>
      <c r="K44" s="140">
        <v>5200</v>
      </c>
      <c r="L44" s="139">
        <v>393005</v>
      </c>
      <c r="M44" s="140">
        <v>388709</v>
      </c>
      <c r="N44" s="141">
        <v>4296</v>
      </c>
      <c r="O44" s="137" t="s">
        <v>66</v>
      </c>
    </row>
    <row r="45" spans="1:15" ht="13.5" customHeight="1" x14ac:dyDescent="0.15">
      <c r="A45" s="553"/>
      <c r="B45" s="132" t="s">
        <v>67</v>
      </c>
      <c r="C45" s="133" t="s">
        <v>112</v>
      </c>
      <c r="D45" s="143">
        <v>435520</v>
      </c>
      <c r="E45" s="144">
        <v>424791</v>
      </c>
      <c r="F45" s="144">
        <v>383311</v>
      </c>
      <c r="G45" s="144">
        <v>41480</v>
      </c>
      <c r="H45" s="144">
        <v>10729</v>
      </c>
      <c r="I45" s="143">
        <v>448682</v>
      </c>
      <c r="J45" s="144">
        <v>437158</v>
      </c>
      <c r="K45" s="144">
        <v>11524</v>
      </c>
      <c r="L45" s="143">
        <v>356339</v>
      </c>
      <c r="M45" s="144">
        <v>350392</v>
      </c>
      <c r="N45" s="145">
        <v>5947</v>
      </c>
      <c r="O45" s="132" t="s">
        <v>67</v>
      </c>
    </row>
    <row r="46" spans="1:15" ht="13.5" customHeight="1" x14ac:dyDescent="0.15">
      <c r="A46" s="553"/>
      <c r="B46" s="137" t="s">
        <v>113</v>
      </c>
      <c r="C46" s="142" t="s">
        <v>114</v>
      </c>
      <c r="D46" s="139">
        <v>319292</v>
      </c>
      <c r="E46" s="140">
        <v>317650</v>
      </c>
      <c r="F46" s="140">
        <v>309484</v>
      </c>
      <c r="G46" s="140">
        <v>8166</v>
      </c>
      <c r="H46" s="140">
        <v>1642</v>
      </c>
      <c r="I46" s="139">
        <v>352690</v>
      </c>
      <c r="J46" s="140">
        <v>352690</v>
      </c>
      <c r="K46" s="140">
        <v>0</v>
      </c>
      <c r="L46" s="139">
        <v>267478</v>
      </c>
      <c r="M46" s="140">
        <v>263289</v>
      </c>
      <c r="N46" s="141">
        <v>4189</v>
      </c>
      <c r="O46" s="137" t="s">
        <v>113</v>
      </c>
    </row>
    <row r="47" spans="1:15" ht="7.5" customHeight="1" x14ac:dyDescent="0.15">
      <c r="A47" s="553"/>
      <c r="B47" s="137"/>
      <c r="C47" s="142"/>
      <c r="D47" s="139"/>
      <c r="E47" s="140"/>
      <c r="F47" s="140"/>
      <c r="G47" s="140"/>
      <c r="H47" s="140"/>
      <c r="I47" s="139"/>
      <c r="J47" s="140"/>
      <c r="K47" s="140"/>
      <c r="L47" s="139"/>
      <c r="M47" s="140"/>
      <c r="N47" s="141"/>
      <c r="O47" s="137"/>
    </row>
    <row r="48" spans="1:15" ht="13.5" customHeight="1" thickBot="1" x14ac:dyDescent="0.2">
      <c r="A48" s="553"/>
      <c r="B48" s="152" t="s">
        <v>68</v>
      </c>
      <c r="C48" s="153" t="s">
        <v>115</v>
      </c>
      <c r="D48" s="154">
        <v>324242</v>
      </c>
      <c r="E48" s="155">
        <v>305632</v>
      </c>
      <c r="F48" s="155">
        <v>285687</v>
      </c>
      <c r="G48" s="155">
        <v>19945</v>
      </c>
      <c r="H48" s="155">
        <v>18610</v>
      </c>
      <c r="I48" s="154">
        <v>429607</v>
      </c>
      <c r="J48" s="155">
        <v>410791</v>
      </c>
      <c r="K48" s="155">
        <v>18816</v>
      </c>
      <c r="L48" s="154">
        <v>285190</v>
      </c>
      <c r="M48" s="155">
        <v>266656</v>
      </c>
      <c r="N48" s="156">
        <v>18534</v>
      </c>
      <c r="O48" s="152" t="s">
        <v>68</v>
      </c>
    </row>
    <row r="49" spans="1:3" ht="14.25" customHeight="1" x14ac:dyDescent="0.15">
      <c r="A49" s="157"/>
      <c r="B49" s="158"/>
      <c r="C49" s="159"/>
    </row>
    <row r="50" spans="1:3" ht="14.25" customHeight="1" x14ac:dyDescent="0.15">
      <c r="A50" s="157"/>
      <c r="B50" s="158"/>
    </row>
    <row r="51" spans="1:3" ht="14.25" customHeight="1" x14ac:dyDescent="0.15">
      <c r="A51" s="160"/>
    </row>
  </sheetData>
  <mergeCells count="20">
    <mergeCell ref="A1:A48"/>
    <mergeCell ref="B1:O1"/>
    <mergeCell ref="B2:G2"/>
    <mergeCell ref="N2:O2"/>
    <mergeCell ref="B3:C8"/>
    <mergeCell ref="E3:G4"/>
    <mergeCell ref="J3:J4"/>
    <mergeCell ref="M3:M4"/>
    <mergeCell ref="O3:O8"/>
    <mergeCell ref="D5:D8"/>
    <mergeCell ref="M6:M8"/>
    <mergeCell ref="N6:N8"/>
    <mergeCell ref="F7:F8"/>
    <mergeCell ref="G7:G8"/>
    <mergeCell ref="I5:I8"/>
    <mergeCell ref="L5:L8"/>
    <mergeCell ref="E6:E8"/>
    <mergeCell ref="H6:H8"/>
    <mergeCell ref="J6:J8"/>
    <mergeCell ref="K6:K8"/>
  </mergeCells>
  <phoneticPr fontId="3"/>
  <printOptions horizontalCentered="1"/>
  <pageMargins left="0.59055118110236227" right="0.59055118110236227" top="0.39370078740157483" bottom="0.59055118110236227" header="0" footer="0.19685039370078741"/>
  <pageSetup paperSize="9" scale="84" orientation="landscape" errors="blank"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3FBA6E9-7385-4E67-91C7-FF9900C7F1CD}">
  <sheetPr codeName="Sheet9">
    <tabColor indexed="52"/>
    <pageSetUpPr fitToPage="1"/>
  </sheetPr>
  <dimension ref="A1:O49"/>
  <sheetViews>
    <sheetView view="pageBreakPreview" zoomScaleNormal="80" zoomScaleSheetLayoutView="100" workbookViewId="0">
      <selection sqref="A1:A48"/>
    </sheetView>
  </sheetViews>
  <sheetFormatPr defaultColWidth="9" defaultRowHeight="13.5" x14ac:dyDescent="0.15"/>
  <cols>
    <col min="1" max="1" width="5" style="28" customWidth="1"/>
    <col min="2" max="2" width="6.625" style="161" customWidth="1"/>
    <col min="3" max="3" width="23.75" style="28" customWidth="1"/>
    <col min="4" max="4" width="9.875" style="26" customWidth="1"/>
    <col min="5" max="5" width="10" style="28" customWidth="1"/>
    <col min="6" max="8" width="9.375" style="28" customWidth="1"/>
    <col min="9" max="9" width="9.875" style="28" customWidth="1"/>
    <col min="10" max="11" width="9.375" style="28" customWidth="1"/>
    <col min="12" max="12" width="9.875" style="28" customWidth="1"/>
    <col min="13" max="14" width="9.375" style="28" customWidth="1"/>
    <col min="15" max="15" width="6.625" style="28" customWidth="1"/>
    <col min="16" max="16384" width="9" style="3"/>
  </cols>
  <sheetData>
    <row r="1" spans="1:15" ht="22.5" customHeight="1" x14ac:dyDescent="0.15">
      <c r="A1" s="553" t="s">
        <v>116</v>
      </c>
      <c r="B1" s="491" t="s">
        <v>117</v>
      </c>
      <c r="C1" s="560"/>
      <c r="D1" s="560"/>
      <c r="E1" s="560"/>
      <c r="F1" s="560"/>
      <c r="G1" s="560"/>
      <c r="H1" s="560"/>
      <c r="I1" s="560"/>
      <c r="J1" s="560"/>
      <c r="K1" s="560"/>
      <c r="L1" s="560"/>
      <c r="M1" s="560"/>
      <c r="N1" s="560"/>
      <c r="O1" s="560"/>
    </row>
    <row r="2" spans="1:15" ht="11.25" customHeight="1" thickBot="1" x14ac:dyDescent="0.2">
      <c r="A2" s="553"/>
      <c r="B2" s="554" t="s">
        <v>118</v>
      </c>
      <c r="C2" s="554"/>
      <c r="D2" s="554"/>
      <c r="E2" s="554"/>
      <c r="F2" s="554"/>
      <c r="G2" s="554"/>
      <c r="N2" s="555" t="s">
        <v>71</v>
      </c>
      <c r="O2" s="555"/>
    </row>
    <row r="3" spans="1:15" ht="7.5" customHeight="1" x14ac:dyDescent="0.15">
      <c r="A3" s="553"/>
      <c r="B3" s="493" t="s">
        <v>72</v>
      </c>
      <c r="C3" s="520"/>
      <c r="D3" s="120"/>
      <c r="E3" s="493" t="s">
        <v>73</v>
      </c>
      <c r="F3" s="556"/>
      <c r="G3" s="556"/>
      <c r="H3" s="121"/>
      <c r="I3" s="122"/>
      <c r="J3" s="558" t="s">
        <v>74</v>
      </c>
      <c r="K3" s="121"/>
      <c r="L3" s="123"/>
      <c r="M3" s="558" t="s">
        <v>75</v>
      </c>
      <c r="N3" s="121"/>
      <c r="O3" s="492" t="s">
        <v>76</v>
      </c>
    </row>
    <row r="4" spans="1:15" ht="7.5" customHeight="1" x14ac:dyDescent="0.15">
      <c r="A4" s="553"/>
      <c r="B4" s="495"/>
      <c r="C4" s="521"/>
      <c r="D4" s="124"/>
      <c r="E4" s="557"/>
      <c r="F4" s="557"/>
      <c r="G4" s="557"/>
      <c r="H4" s="125"/>
      <c r="I4" s="126"/>
      <c r="J4" s="559"/>
      <c r="K4" s="125"/>
      <c r="L4" s="127"/>
      <c r="M4" s="559"/>
      <c r="N4" s="125"/>
      <c r="O4" s="494"/>
    </row>
    <row r="5" spans="1:15" ht="7.5" customHeight="1" x14ac:dyDescent="0.15">
      <c r="A5" s="553"/>
      <c r="B5" s="495"/>
      <c r="C5" s="521"/>
      <c r="D5" s="546" t="s">
        <v>5</v>
      </c>
      <c r="E5" s="128"/>
      <c r="F5" s="128"/>
      <c r="G5" s="128"/>
      <c r="H5" s="129"/>
      <c r="I5" s="546" t="s">
        <v>5</v>
      </c>
      <c r="J5" s="130"/>
      <c r="K5" s="131"/>
      <c r="L5" s="546" t="s">
        <v>5</v>
      </c>
      <c r="M5" s="130"/>
      <c r="N5" s="131"/>
      <c r="O5" s="494"/>
    </row>
    <row r="6" spans="1:15" ht="7.5" customHeight="1" x14ac:dyDescent="0.15">
      <c r="A6" s="553"/>
      <c r="B6" s="495"/>
      <c r="C6" s="521"/>
      <c r="D6" s="547"/>
      <c r="E6" s="549" t="s">
        <v>77</v>
      </c>
      <c r="F6" s="128"/>
      <c r="G6" s="129"/>
      <c r="H6" s="551" t="s">
        <v>7</v>
      </c>
      <c r="I6" s="547"/>
      <c r="J6" s="549" t="s">
        <v>77</v>
      </c>
      <c r="K6" s="551" t="s">
        <v>7</v>
      </c>
      <c r="L6" s="547"/>
      <c r="M6" s="549" t="s">
        <v>77</v>
      </c>
      <c r="N6" s="551" t="s">
        <v>7</v>
      </c>
      <c r="O6" s="494"/>
    </row>
    <row r="7" spans="1:15" ht="7.5" customHeight="1" x14ac:dyDescent="0.15">
      <c r="A7" s="553"/>
      <c r="B7" s="495"/>
      <c r="C7" s="521"/>
      <c r="D7" s="547"/>
      <c r="E7" s="550"/>
      <c r="F7" s="544" t="s">
        <v>8</v>
      </c>
      <c r="G7" s="544" t="s">
        <v>9</v>
      </c>
      <c r="H7" s="552"/>
      <c r="I7" s="547"/>
      <c r="J7" s="550"/>
      <c r="K7" s="552"/>
      <c r="L7" s="547"/>
      <c r="M7" s="550"/>
      <c r="N7" s="552"/>
      <c r="O7" s="494"/>
    </row>
    <row r="8" spans="1:15" ht="7.5" customHeight="1" x14ac:dyDescent="0.15">
      <c r="A8" s="553"/>
      <c r="B8" s="522"/>
      <c r="C8" s="523"/>
      <c r="D8" s="548"/>
      <c r="E8" s="550"/>
      <c r="F8" s="545"/>
      <c r="G8" s="545"/>
      <c r="H8" s="552"/>
      <c r="I8" s="548"/>
      <c r="J8" s="550"/>
      <c r="K8" s="552"/>
      <c r="L8" s="548"/>
      <c r="M8" s="550"/>
      <c r="N8" s="552"/>
      <c r="O8" s="561"/>
    </row>
    <row r="9" spans="1:15" ht="13.5" customHeight="1" x14ac:dyDescent="0.15">
      <c r="A9" s="553"/>
      <c r="B9" s="132" t="s">
        <v>33</v>
      </c>
      <c r="C9" s="133" t="s">
        <v>78</v>
      </c>
      <c r="D9" s="163">
        <v>342770</v>
      </c>
      <c r="E9" s="164">
        <v>332751</v>
      </c>
      <c r="F9" s="164">
        <v>309841</v>
      </c>
      <c r="G9" s="164">
        <v>22910</v>
      </c>
      <c r="H9" s="164">
        <v>10019</v>
      </c>
      <c r="I9" s="163">
        <v>410127</v>
      </c>
      <c r="J9" s="164">
        <v>398346</v>
      </c>
      <c r="K9" s="164">
        <v>11781</v>
      </c>
      <c r="L9" s="163">
        <v>255099</v>
      </c>
      <c r="M9" s="164">
        <v>247374</v>
      </c>
      <c r="N9" s="165">
        <v>7725</v>
      </c>
      <c r="O9" s="132" t="s">
        <v>33</v>
      </c>
    </row>
    <row r="10" spans="1:15" ht="7.5" customHeight="1" x14ac:dyDescent="0.15">
      <c r="A10" s="553"/>
      <c r="B10" s="137"/>
      <c r="C10" s="138"/>
      <c r="D10" s="149"/>
      <c r="E10" s="150"/>
      <c r="F10" s="150"/>
      <c r="G10" s="150"/>
      <c r="H10" s="150"/>
      <c r="I10" s="149"/>
      <c r="J10" s="150"/>
      <c r="K10" s="150"/>
      <c r="L10" s="149"/>
      <c r="M10" s="150"/>
      <c r="N10" s="151"/>
      <c r="O10" s="137"/>
    </row>
    <row r="11" spans="1:15" ht="13.5" customHeight="1" x14ac:dyDescent="0.15">
      <c r="A11" s="553"/>
      <c r="B11" s="137" t="s">
        <v>34</v>
      </c>
      <c r="C11" s="142" t="s">
        <v>79</v>
      </c>
      <c r="D11" s="149">
        <v>546947</v>
      </c>
      <c r="E11" s="150">
        <v>543716</v>
      </c>
      <c r="F11" s="150">
        <v>507562</v>
      </c>
      <c r="G11" s="150">
        <v>36154</v>
      </c>
      <c r="H11" s="150">
        <v>3231</v>
      </c>
      <c r="I11" s="149">
        <v>562141</v>
      </c>
      <c r="J11" s="150">
        <v>558752</v>
      </c>
      <c r="K11" s="150">
        <v>3389</v>
      </c>
      <c r="L11" s="149">
        <v>468352</v>
      </c>
      <c r="M11" s="150">
        <v>465935</v>
      </c>
      <c r="N11" s="151">
        <v>2417</v>
      </c>
      <c r="O11" s="137" t="s">
        <v>34</v>
      </c>
    </row>
    <row r="12" spans="1:15" ht="13.5" customHeight="1" x14ac:dyDescent="0.15">
      <c r="A12" s="553"/>
      <c r="B12" s="132" t="s">
        <v>35</v>
      </c>
      <c r="C12" s="133" t="s">
        <v>80</v>
      </c>
      <c r="D12" s="146">
        <v>427365</v>
      </c>
      <c r="E12" s="147">
        <v>400369</v>
      </c>
      <c r="F12" s="147">
        <v>364902</v>
      </c>
      <c r="G12" s="147">
        <v>35467</v>
      </c>
      <c r="H12" s="147">
        <v>26996</v>
      </c>
      <c r="I12" s="146">
        <v>472309</v>
      </c>
      <c r="J12" s="147">
        <v>442023</v>
      </c>
      <c r="K12" s="147">
        <v>30286</v>
      </c>
      <c r="L12" s="146">
        <v>297355</v>
      </c>
      <c r="M12" s="147">
        <v>279876</v>
      </c>
      <c r="N12" s="148">
        <v>17479</v>
      </c>
      <c r="O12" s="132" t="s">
        <v>35</v>
      </c>
    </row>
    <row r="13" spans="1:15" ht="13.5" customHeight="1" x14ac:dyDescent="0.15">
      <c r="A13" s="553"/>
      <c r="B13" s="137" t="s">
        <v>36</v>
      </c>
      <c r="C13" s="142" t="s">
        <v>81</v>
      </c>
      <c r="D13" s="149">
        <v>475419</v>
      </c>
      <c r="E13" s="150">
        <v>466335</v>
      </c>
      <c r="F13" s="150">
        <v>420348</v>
      </c>
      <c r="G13" s="150">
        <v>45987</v>
      </c>
      <c r="H13" s="150">
        <v>9084</v>
      </c>
      <c r="I13" s="149">
        <v>498300</v>
      </c>
      <c r="J13" s="150">
        <v>488136</v>
      </c>
      <c r="K13" s="150">
        <v>10164</v>
      </c>
      <c r="L13" s="149">
        <v>351425</v>
      </c>
      <c r="M13" s="150">
        <v>348192</v>
      </c>
      <c r="N13" s="151">
        <v>3233</v>
      </c>
      <c r="O13" s="137" t="s">
        <v>36</v>
      </c>
    </row>
    <row r="14" spans="1:15" ht="13.5" customHeight="1" x14ac:dyDescent="0.15">
      <c r="A14" s="553"/>
      <c r="B14" s="132" t="s">
        <v>37</v>
      </c>
      <c r="C14" s="133" t="s">
        <v>82</v>
      </c>
      <c r="D14" s="146">
        <v>452042</v>
      </c>
      <c r="E14" s="147">
        <v>444911</v>
      </c>
      <c r="F14" s="147">
        <v>411057</v>
      </c>
      <c r="G14" s="147">
        <v>33854</v>
      </c>
      <c r="H14" s="147">
        <v>7131</v>
      </c>
      <c r="I14" s="146">
        <v>476184</v>
      </c>
      <c r="J14" s="147">
        <v>467707</v>
      </c>
      <c r="K14" s="147">
        <v>8477</v>
      </c>
      <c r="L14" s="146">
        <v>375154</v>
      </c>
      <c r="M14" s="147">
        <v>372311</v>
      </c>
      <c r="N14" s="148">
        <v>2843</v>
      </c>
      <c r="O14" s="132" t="s">
        <v>37</v>
      </c>
    </row>
    <row r="15" spans="1:15" ht="13.5" customHeight="1" x14ac:dyDescent="0.15">
      <c r="A15" s="553"/>
      <c r="B15" s="137" t="s">
        <v>38</v>
      </c>
      <c r="C15" s="142" t="s">
        <v>83</v>
      </c>
      <c r="D15" s="149">
        <v>315879</v>
      </c>
      <c r="E15" s="150">
        <v>311242</v>
      </c>
      <c r="F15" s="150">
        <v>277591</v>
      </c>
      <c r="G15" s="150">
        <v>33651</v>
      </c>
      <c r="H15" s="150">
        <v>4637</v>
      </c>
      <c r="I15" s="149">
        <v>354432</v>
      </c>
      <c r="J15" s="150">
        <v>350526</v>
      </c>
      <c r="K15" s="150">
        <v>3906</v>
      </c>
      <c r="L15" s="149">
        <v>226578</v>
      </c>
      <c r="M15" s="150">
        <v>220249</v>
      </c>
      <c r="N15" s="151">
        <v>6329</v>
      </c>
      <c r="O15" s="137" t="s">
        <v>38</v>
      </c>
    </row>
    <row r="16" spans="1:15" ht="13.5" customHeight="1" x14ac:dyDescent="0.15">
      <c r="A16" s="553"/>
      <c r="B16" s="132" t="s">
        <v>39</v>
      </c>
      <c r="C16" s="133" t="s">
        <v>84</v>
      </c>
      <c r="D16" s="146">
        <v>260139</v>
      </c>
      <c r="E16" s="147">
        <v>257978</v>
      </c>
      <c r="F16" s="147">
        <v>244171</v>
      </c>
      <c r="G16" s="147">
        <v>13807</v>
      </c>
      <c r="H16" s="147">
        <v>2161</v>
      </c>
      <c r="I16" s="146">
        <v>362189</v>
      </c>
      <c r="J16" s="147">
        <v>358414</v>
      </c>
      <c r="K16" s="147">
        <v>3775</v>
      </c>
      <c r="L16" s="146">
        <v>177539</v>
      </c>
      <c r="M16" s="147">
        <v>176684</v>
      </c>
      <c r="N16" s="148">
        <v>855</v>
      </c>
      <c r="O16" s="132" t="s">
        <v>39</v>
      </c>
    </row>
    <row r="17" spans="1:15" ht="13.5" customHeight="1" x14ac:dyDescent="0.15">
      <c r="A17" s="553"/>
      <c r="B17" s="137" t="s">
        <v>40</v>
      </c>
      <c r="C17" s="142" t="s">
        <v>85</v>
      </c>
      <c r="D17" s="149">
        <v>405739</v>
      </c>
      <c r="E17" s="150">
        <v>400747</v>
      </c>
      <c r="F17" s="150">
        <v>364722</v>
      </c>
      <c r="G17" s="150">
        <v>36025</v>
      </c>
      <c r="H17" s="150">
        <v>4992</v>
      </c>
      <c r="I17" s="149">
        <v>529899</v>
      </c>
      <c r="J17" s="150">
        <v>524902</v>
      </c>
      <c r="K17" s="150">
        <v>4997</v>
      </c>
      <c r="L17" s="149">
        <v>312497</v>
      </c>
      <c r="M17" s="150">
        <v>307509</v>
      </c>
      <c r="N17" s="151">
        <v>4988</v>
      </c>
      <c r="O17" s="137" t="s">
        <v>40</v>
      </c>
    </row>
    <row r="18" spans="1:15" ht="13.5" customHeight="1" x14ac:dyDescent="0.15">
      <c r="A18" s="553"/>
      <c r="B18" s="132" t="s">
        <v>41</v>
      </c>
      <c r="C18" s="133" t="s">
        <v>86</v>
      </c>
      <c r="D18" s="146">
        <v>274165</v>
      </c>
      <c r="E18" s="147">
        <v>269638</v>
      </c>
      <c r="F18" s="147">
        <v>248206</v>
      </c>
      <c r="G18" s="147">
        <v>21432</v>
      </c>
      <c r="H18" s="147">
        <v>4527</v>
      </c>
      <c r="I18" s="146">
        <v>293698</v>
      </c>
      <c r="J18" s="147">
        <v>288140</v>
      </c>
      <c r="K18" s="147">
        <v>5558</v>
      </c>
      <c r="L18" s="146">
        <v>229751</v>
      </c>
      <c r="M18" s="147">
        <v>227569</v>
      </c>
      <c r="N18" s="148">
        <v>2182</v>
      </c>
      <c r="O18" s="132" t="s">
        <v>41</v>
      </c>
    </row>
    <row r="19" spans="1:15" ht="13.5" customHeight="1" x14ac:dyDescent="0.15">
      <c r="A19" s="553"/>
      <c r="B19" s="137" t="s">
        <v>42</v>
      </c>
      <c r="C19" s="142" t="s">
        <v>87</v>
      </c>
      <c r="D19" s="149">
        <v>492247</v>
      </c>
      <c r="E19" s="150">
        <v>489696</v>
      </c>
      <c r="F19" s="150">
        <v>452623</v>
      </c>
      <c r="G19" s="150">
        <v>37073</v>
      </c>
      <c r="H19" s="150">
        <v>2551</v>
      </c>
      <c r="I19" s="149">
        <v>531682</v>
      </c>
      <c r="J19" s="150">
        <v>529187</v>
      </c>
      <c r="K19" s="150">
        <v>2495</v>
      </c>
      <c r="L19" s="149">
        <v>367983</v>
      </c>
      <c r="M19" s="150">
        <v>365255</v>
      </c>
      <c r="N19" s="151">
        <v>2728</v>
      </c>
      <c r="O19" s="137" t="s">
        <v>42</v>
      </c>
    </row>
    <row r="20" spans="1:15" ht="13.5" customHeight="1" x14ac:dyDescent="0.15">
      <c r="A20" s="553"/>
      <c r="B20" s="132" t="s">
        <v>43</v>
      </c>
      <c r="C20" s="133" t="s">
        <v>88</v>
      </c>
      <c r="D20" s="146">
        <v>173218</v>
      </c>
      <c r="E20" s="147">
        <v>167687</v>
      </c>
      <c r="F20" s="147">
        <v>156808</v>
      </c>
      <c r="G20" s="147">
        <v>10879</v>
      </c>
      <c r="H20" s="147">
        <v>5531</v>
      </c>
      <c r="I20" s="146">
        <v>214252</v>
      </c>
      <c r="J20" s="147">
        <v>205851</v>
      </c>
      <c r="K20" s="147">
        <v>8401</v>
      </c>
      <c r="L20" s="146">
        <v>143642</v>
      </c>
      <c r="M20" s="147">
        <v>140180</v>
      </c>
      <c r="N20" s="148">
        <v>3462</v>
      </c>
      <c r="O20" s="132" t="s">
        <v>43</v>
      </c>
    </row>
    <row r="21" spans="1:15" ht="13.5" customHeight="1" x14ac:dyDescent="0.15">
      <c r="A21" s="553"/>
      <c r="B21" s="137" t="s">
        <v>44</v>
      </c>
      <c r="C21" s="142" t="s">
        <v>89</v>
      </c>
      <c r="D21" s="149">
        <v>211688</v>
      </c>
      <c r="E21" s="150">
        <v>208498</v>
      </c>
      <c r="F21" s="150">
        <v>192404</v>
      </c>
      <c r="G21" s="150">
        <v>16094</v>
      </c>
      <c r="H21" s="150">
        <v>3190</v>
      </c>
      <c r="I21" s="149">
        <v>264817</v>
      </c>
      <c r="J21" s="150">
        <v>261809</v>
      </c>
      <c r="K21" s="150">
        <v>3008</v>
      </c>
      <c r="L21" s="149">
        <v>177487</v>
      </c>
      <c r="M21" s="150">
        <v>174179</v>
      </c>
      <c r="N21" s="151">
        <v>3308</v>
      </c>
      <c r="O21" s="137" t="s">
        <v>44</v>
      </c>
    </row>
    <row r="22" spans="1:15" ht="13.5" customHeight="1" x14ac:dyDescent="0.15">
      <c r="A22" s="553"/>
      <c r="B22" s="132" t="s">
        <v>45</v>
      </c>
      <c r="C22" s="133" t="s">
        <v>90</v>
      </c>
      <c r="D22" s="146">
        <v>381316</v>
      </c>
      <c r="E22" s="147">
        <v>363773</v>
      </c>
      <c r="F22" s="147">
        <v>359909</v>
      </c>
      <c r="G22" s="147">
        <v>3864</v>
      </c>
      <c r="H22" s="147">
        <v>17543</v>
      </c>
      <c r="I22" s="146">
        <v>409995</v>
      </c>
      <c r="J22" s="147">
        <v>390773</v>
      </c>
      <c r="K22" s="147">
        <v>19222</v>
      </c>
      <c r="L22" s="146">
        <v>350986</v>
      </c>
      <c r="M22" s="147">
        <v>335219</v>
      </c>
      <c r="N22" s="148">
        <v>15767</v>
      </c>
      <c r="O22" s="132" t="s">
        <v>45</v>
      </c>
    </row>
    <row r="23" spans="1:15" ht="13.5" customHeight="1" x14ac:dyDescent="0.15">
      <c r="A23" s="553"/>
      <c r="B23" s="137" t="s">
        <v>46</v>
      </c>
      <c r="C23" s="142" t="s">
        <v>91</v>
      </c>
      <c r="D23" s="149">
        <v>317973</v>
      </c>
      <c r="E23" s="150">
        <v>306504</v>
      </c>
      <c r="F23" s="150">
        <v>289871</v>
      </c>
      <c r="G23" s="150">
        <v>16633</v>
      </c>
      <c r="H23" s="150">
        <v>11469</v>
      </c>
      <c r="I23" s="149">
        <v>382827</v>
      </c>
      <c r="J23" s="150">
        <v>372159</v>
      </c>
      <c r="K23" s="150">
        <v>10668</v>
      </c>
      <c r="L23" s="149">
        <v>286653</v>
      </c>
      <c r="M23" s="150">
        <v>274797</v>
      </c>
      <c r="N23" s="151">
        <v>11856</v>
      </c>
      <c r="O23" s="137" t="s">
        <v>46</v>
      </c>
    </row>
    <row r="24" spans="1:15" ht="13.5" customHeight="1" x14ac:dyDescent="0.15">
      <c r="A24" s="553"/>
      <c r="B24" s="132" t="s">
        <v>47</v>
      </c>
      <c r="C24" s="133" t="s">
        <v>92</v>
      </c>
      <c r="D24" s="146">
        <v>367706</v>
      </c>
      <c r="E24" s="147">
        <v>366476</v>
      </c>
      <c r="F24" s="147">
        <v>345755</v>
      </c>
      <c r="G24" s="147">
        <v>20721</v>
      </c>
      <c r="H24" s="147">
        <v>1230</v>
      </c>
      <c r="I24" s="146">
        <v>407958</v>
      </c>
      <c r="J24" s="147">
        <v>406825</v>
      </c>
      <c r="K24" s="147">
        <v>1133</v>
      </c>
      <c r="L24" s="146">
        <v>252496</v>
      </c>
      <c r="M24" s="147">
        <v>250990</v>
      </c>
      <c r="N24" s="148">
        <v>1506</v>
      </c>
      <c r="O24" s="132" t="s">
        <v>47</v>
      </c>
    </row>
    <row r="25" spans="1:15" ht="13.5" customHeight="1" x14ac:dyDescent="0.15">
      <c r="A25" s="553"/>
      <c r="B25" s="137" t="s">
        <v>48</v>
      </c>
      <c r="C25" s="142" t="s">
        <v>93</v>
      </c>
      <c r="D25" s="149">
        <v>281357</v>
      </c>
      <c r="E25" s="150">
        <v>277680</v>
      </c>
      <c r="F25" s="150">
        <v>256230</v>
      </c>
      <c r="G25" s="150">
        <v>21450</v>
      </c>
      <c r="H25" s="150">
        <v>3677</v>
      </c>
      <c r="I25" s="149">
        <v>331154</v>
      </c>
      <c r="J25" s="150">
        <v>326942</v>
      </c>
      <c r="K25" s="150">
        <v>4212</v>
      </c>
      <c r="L25" s="149">
        <v>207854</v>
      </c>
      <c r="M25" s="150">
        <v>204965</v>
      </c>
      <c r="N25" s="151">
        <v>2889</v>
      </c>
      <c r="O25" s="137" t="s">
        <v>48</v>
      </c>
    </row>
    <row r="26" spans="1:15" ht="7.5" customHeight="1" x14ac:dyDescent="0.15">
      <c r="A26" s="553"/>
      <c r="B26" s="137"/>
      <c r="C26" s="142"/>
      <c r="D26" s="149"/>
      <c r="E26" s="150"/>
      <c r="F26" s="150"/>
      <c r="G26" s="150"/>
      <c r="H26" s="150"/>
      <c r="I26" s="149"/>
      <c r="J26" s="150"/>
      <c r="K26" s="150"/>
      <c r="L26" s="149"/>
      <c r="M26" s="150"/>
      <c r="N26" s="151"/>
      <c r="O26" s="137"/>
    </row>
    <row r="27" spans="1:15" ht="13.5" customHeight="1" x14ac:dyDescent="0.15">
      <c r="A27" s="553"/>
      <c r="B27" s="132" t="s">
        <v>49</v>
      </c>
      <c r="C27" s="133" t="s">
        <v>94</v>
      </c>
      <c r="D27" s="146">
        <v>256881</v>
      </c>
      <c r="E27" s="147">
        <v>256218</v>
      </c>
      <c r="F27" s="147">
        <v>230182</v>
      </c>
      <c r="G27" s="147">
        <v>26036</v>
      </c>
      <c r="H27" s="147">
        <v>663</v>
      </c>
      <c r="I27" s="146">
        <v>324464</v>
      </c>
      <c r="J27" s="147">
        <v>323601</v>
      </c>
      <c r="K27" s="147">
        <v>863</v>
      </c>
      <c r="L27" s="146">
        <v>196426</v>
      </c>
      <c r="M27" s="147">
        <v>195942</v>
      </c>
      <c r="N27" s="148">
        <v>484</v>
      </c>
      <c r="O27" s="132" t="s">
        <v>49</v>
      </c>
    </row>
    <row r="28" spans="1:15" ht="13.5" customHeight="1" x14ac:dyDescent="0.15">
      <c r="A28" s="553"/>
      <c r="B28" s="137" t="s">
        <v>50</v>
      </c>
      <c r="C28" s="142" t="s">
        <v>95</v>
      </c>
      <c r="D28" s="149">
        <v>331357</v>
      </c>
      <c r="E28" s="150">
        <v>331357</v>
      </c>
      <c r="F28" s="150">
        <v>303156</v>
      </c>
      <c r="G28" s="150">
        <v>28201</v>
      </c>
      <c r="H28" s="150">
        <v>0</v>
      </c>
      <c r="I28" s="149">
        <v>381538</v>
      </c>
      <c r="J28" s="150">
        <v>381538</v>
      </c>
      <c r="K28" s="150">
        <v>0</v>
      </c>
      <c r="L28" s="149">
        <v>214193</v>
      </c>
      <c r="M28" s="150">
        <v>214193</v>
      </c>
      <c r="N28" s="151">
        <v>0</v>
      </c>
      <c r="O28" s="137" t="s">
        <v>50</v>
      </c>
    </row>
    <row r="29" spans="1:15" ht="13.5" customHeight="1" x14ac:dyDescent="0.15">
      <c r="A29" s="553"/>
      <c r="B29" s="132" t="s">
        <v>51</v>
      </c>
      <c r="C29" s="133" t="s">
        <v>96</v>
      </c>
      <c r="D29" s="146">
        <v>327616</v>
      </c>
      <c r="E29" s="147">
        <v>319529</v>
      </c>
      <c r="F29" s="147">
        <v>308873</v>
      </c>
      <c r="G29" s="147">
        <v>10656</v>
      </c>
      <c r="H29" s="147">
        <v>8087</v>
      </c>
      <c r="I29" s="146">
        <v>373019</v>
      </c>
      <c r="J29" s="147">
        <v>364624</v>
      </c>
      <c r="K29" s="147">
        <v>8395</v>
      </c>
      <c r="L29" s="146">
        <v>243259</v>
      </c>
      <c r="M29" s="147">
        <v>235744</v>
      </c>
      <c r="N29" s="148">
        <v>7515</v>
      </c>
      <c r="O29" s="132" t="s">
        <v>51</v>
      </c>
    </row>
    <row r="30" spans="1:15" ht="13.5" customHeight="1" x14ac:dyDescent="0.15">
      <c r="A30" s="553"/>
      <c r="B30" s="137" t="s">
        <v>52</v>
      </c>
      <c r="C30" s="142" t="s">
        <v>97</v>
      </c>
      <c r="D30" s="149">
        <v>333532</v>
      </c>
      <c r="E30" s="150">
        <v>333060</v>
      </c>
      <c r="F30" s="150">
        <v>292180</v>
      </c>
      <c r="G30" s="150">
        <v>40880</v>
      </c>
      <c r="H30" s="150">
        <v>472</v>
      </c>
      <c r="I30" s="149">
        <v>349984</v>
      </c>
      <c r="J30" s="150">
        <v>349603</v>
      </c>
      <c r="K30" s="150">
        <v>381</v>
      </c>
      <c r="L30" s="149">
        <v>259750</v>
      </c>
      <c r="M30" s="150">
        <v>258873</v>
      </c>
      <c r="N30" s="151">
        <v>877</v>
      </c>
      <c r="O30" s="137" t="s">
        <v>52</v>
      </c>
    </row>
    <row r="31" spans="1:15" ht="13.5" customHeight="1" x14ac:dyDescent="0.15">
      <c r="A31" s="553"/>
      <c r="B31" s="132" t="s">
        <v>53</v>
      </c>
      <c r="C31" s="133" t="s">
        <v>98</v>
      </c>
      <c r="D31" s="146">
        <v>332908</v>
      </c>
      <c r="E31" s="147">
        <v>332859</v>
      </c>
      <c r="F31" s="147">
        <v>304425</v>
      </c>
      <c r="G31" s="147">
        <v>28434</v>
      </c>
      <c r="H31" s="147">
        <v>49</v>
      </c>
      <c r="I31" s="146">
        <v>394087</v>
      </c>
      <c r="J31" s="147">
        <v>394010</v>
      </c>
      <c r="K31" s="147">
        <v>77</v>
      </c>
      <c r="L31" s="146">
        <v>225052</v>
      </c>
      <c r="M31" s="147">
        <v>225052</v>
      </c>
      <c r="N31" s="148">
        <v>0</v>
      </c>
      <c r="O31" s="132" t="s">
        <v>53</v>
      </c>
    </row>
    <row r="32" spans="1:15" ht="13.5" customHeight="1" x14ac:dyDescent="0.15">
      <c r="A32" s="553"/>
      <c r="B32" s="137" t="s">
        <v>54</v>
      </c>
      <c r="C32" s="142" t="s">
        <v>99</v>
      </c>
      <c r="D32" s="149">
        <v>396155</v>
      </c>
      <c r="E32" s="150">
        <v>393316</v>
      </c>
      <c r="F32" s="150">
        <v>354845</v>
      </c>
      <c r="G32" s="150">
        <v>38471</v>
      </c>
      <c r="H32" s="150">
        <v>2839</v>
      </c>
      <c r="I32" s="149">
        <v>463312</v>
      </c>
      <c r="J32" s="150">
        <v>458962</v>
      </c>
      <c r="K32" s="150">
        <v>4350</v>
      </c>
      <c r="L32" s="149">
        <v>291042</v>
      </c>
      <c r="M32" s="150">
        <v>290567</v>
      </c>
      <c r="N32" s="151">
        <v>475</v>
      </c>
      <c r="O32" s="137" t="s">
        <v>54</v>
      </c>
    </row>
    <row r="33" spans="1:15" ht="13.5" customHeight="1" x14ac:dyDescent="0.15">
      <c r="A33" s="553"/>
      <c r="B33" s="132" t="s">
        <v>55</v>
      </c>
      <c r="C33" s="133" t="s">
        <v>100</v>
      </c>
      <c r="D33" s="146">
        <v>361305</v>
      </c>
      <c r="E33" s="147">
        <v>354583</v>
      </c>
      <c r="F33" s="147">
        <v>326818</v>
      </c>
      <c r="G33" s="147">
        <v>27765</v>
      </c>
      <c r="H33" s="147">
        <v>6722</v>
      </c>
      <c r="I33" s="146">
        <v>427041</v>
      </c>
      <c r="J33" s="147">
        <v>420049</v>
      </c>
      <c r="K33" s="147">
        <v>6992</v>
      </c>
      <c r="L33" s="146">
        <v>248619</v>
      </c>
      <c r="M33" s="147">
        <v>242362</v>
      </c>
      <c r="N33" s="148">
        <v>6257</v>
      </c>
      <c r="O33" s="132" t="s">
        <v>55</v>
      </c>
    </row>
    <row r="34" spans="1:15" ht="13.5" customHeight="1" x14ac:dyDescent="0.15">
      <c r="A34" s="553"/>
      <c r="B34" s="137" t="s">
        <v>56</v>
      </c>
      <c r="C34" s="142" t="s">
        <v>101</v>
      </c>
      <c r="D34" s="149">
        <v>853767</v>
      </c>
      <c r="E34" s="150">
        <v>380291</v>
      </c>
      <c r="F34" s="150">
        <v>334680</v>
      </c>
      <c r="G34" s="150">
        <v>45611</v>
      </c>
      <c r="H34" s="150">
        <v>473476</v>
      </c>
      <c r="I34" s="149">
        <v>918889</v>
      </c>
      <c r="J34" s="150">
        <v>403391</v>
      </c>
      <c r="K34" s="150">
        <v>515498</v>
      </c>
      <c r="L34" s="149">
        <v>610928</v>
      </c>
      <c r="M34" s="150">
        <v>294151</v>
      </c>
      <c r="N34" s="151">
        <v>316777</v>
      </c>
      <c r="O34" s="137" t="s">
        <v>56</v>
      </c>
    </row>
    <row r="35" spans="1:15" ht="13.5" customHeight="1" x14ac:dyDescent="0.15">
      <c r="A35" s="553"/>
      <c r="B35" s="132" t="s">
        <v>57</v>
      </c>
      <c r="C35" s="133" t="s">
        <v>102</v>
      </c>
      <c r="D35" s="146">
        <v>433612</v>
      </c>
      <c r="E35" s="147">
        <v>432140</v>
      </c>
      <c r="F35" s="147">
        <v>395241</v>
      </c>
      <c r="G35" s="147">
        <v>36899</v>
      </c>
      <c r="H35" s="147">
        <v>1472</v>
      </c>
      <c r="I35" s="146">
        <v>456982</v>
      </c>
      <c r="J35" s="147">
        <v>455766</v>
      </c>
      <c r="K35" s="147">
        <v>1216</v>
      </c>
      <c r="L35" s="146">
        <v>327052</v>
      </c>
      <c r="M35" s="147">
        <v>324414</v>
      </c>
      <c r="N35" s="148">
        <v>2638</v>
      </c>
      <c r="O35" s="132" t="s">
        <v>57</v>
      </c>
    </row>
    <row r="36" spans="1:15" ht="13.5" customHeight="1" x14ac:dyDescent="0.15">
      <c r="A36" s="553"/>
      <c r="B36" s="137" t="s">
        <v>58</v>
      </c>
      <c r="C36" s="142" t="s">
        <v>103</v>
      </c>
      <c r="D36" s="149">
        <v>447216</v>
      </c>
      <c r="E36" s="150">
        <v>445667</v>
      </c>
      <c r="F36" s="150">
        <v>391043</v>
      </c>
      <c r="G36" s="150">
        <v>54624</v>
      </c>
      <c r="H36" s="150">
        <v>1549</v>
      </c>
      <c r="I36" s="149">
        <v>456920</v>
      </c>
      <c r="J36" s="150">
        <v>455277</v>
      </c>
      <c r="K36" s="150">
        <v>1643</v>
      </c>
      <c r="L36" s="149">
        <v>343859</v>
      </c>
      <c r="M36" s="150">
        <v>343310</v>
      </c>
      <c r="N36" s="151">
        <v>549</v>
      </c>
      <c r="O36" s="137" t="s">
        <v>58</v>
      </c>
    </row>
    <row r="37" spans="1:15" ht="13.5" customHeight="1" x14ac:dyDescent="0.15">
      <c r="A37" s="553"/>
      <c r="B37" s="132" t="s">
        <v>59</v>
      </c>
      <c r="C37" s="133" t="s">
        <v>104</v>
      </c>
      <c r="D37" s="146">
        <v>416431</v>
      </c>
      <c r="E37" s="147">
        <v>414461</v>
      </c>
      <c r="F37" s="147">
        <v>371276</v>
      </c>
      <c r="G37" s="147">
        <v>43185</v>
      </c>
      <c r="H37" s="147">
        <v>1970</v>
      </c>
      <c r="I37" s="146">
        <v>431044</v>
      </c>
      <c r="J37" s="147">
        <v>429007</v>
      </c>
      <c r="K37" s="147">
        <v>2037</v>
      </c>
      <c r="L37" s="146">
        <v>312251</v>
      </c>
      <c r="M37" s="147">
        <v>310764</v>
      </c>
      <c r="N37" s="148">
        <v>1487</v>
      </c>
      <c r="O37" s="132" t="s">
        <v>59</v>
      </c>
    </row>
    <row r="38" spans="1:15" ht="13.5" customHeight="1" x14ac:dyDescent="0.15">
      <c r="A38" s="553"/>
      <c r="B38" s="137" t="s">
        <v>60</v>
      </c>
      <c r="C38" s="142" t="s">
        <v>105</v>
      </c>
      <c r="D38" s="149">
        <v>393858</v>
      </c>
      <c r="E38" s="150">
        <v>390781</v>
      </c>
      <c r="F38" s="150">
        <v>370597</v>
      </c>
      <c r="G38" s="150">
        <v>20184</v>
      </c>
      <c r="H38" s="150">
        <v>3077</v>
      </c>
      <c r="I38" s="149">
        <v>407838</v>
      </c>
      <c r="J38" s="150">
        <v>405183</v>
      </c>
      <c r="K38" s="150">
        <v>2655</v>
      </c>
      <c r="L38" s="149">
        <v>339897</v>
      </c>
      <c r="M38" s="150">
        <v>335189</v>
      </c>
      <c r="N38" s="151">
        <v>4708</v>
      </c>
      <c r="O38" s="137" t="s">
        <v>60</v>
      </c>
    </row>
    <row r="39" spans="1:15" ht="13.5" customHeight="1" x14ac:dyDescent="0.15">
      <c r="A39" s="553"/>
      <c r="B39" s="132" t="s">
        <v>61</v>
      </c>
      <c r="C39" s="133" t="s">
        <v>106</v>
      </c>
      <c r="D39" s="146">
        <v>535038</v>
      </c>
      <c r="E39" s="147">
        <v>534665</v>
      </c>
      <c r="F39" s="147">
        <v>494920</v>
      </c>
      <c r="G39" s="147">
        <v>39745</v>
      </c>
      <c r="H39" s="147">
        <v>373</v>
      </c>
      <c r="I39" s="146">
        <v>551779</v>
      </c>
      <c r="J39" s="147">
        <v>551494</v>
      </c>
      <c r="K39" s="147">
        <v>285</v>
      </c>
      <c r="L39" s="146">
        <v>445602</v>
      </c>
      <c r="M39" s="147">
        <v>444757</v>
      </c>
      <c r="N39" s="148">
        <v>845</v>
      </c>
      <c r="O39" s="132" t="s">
        <v>61</v>
      </c>
    </row>
    <row r="40" spans="1:15" ht="13.5" customHeight="1" x14ac:dyDescent="0.15">
      <c r="A40" s="553"/>
      <c r="B40" s="137" t="s">
        <v>62</v>
      </c>
      <c r="C40" s="142" t="s">
        <v>107</v>
      </c>
      <c r="D40" s="149">
        <v>399238</v>
      </c>
      <c r="E40" s="150">
        <v>397051</v>
      </c>
      <c r="F40" s="150">
        <v>365132</v>
      </c>
      <c r="G40" s="150">
        <v>31919</v>
      </c>
      <c r="H40" s="150">
        <v>2187</v>
      </c>
      <c r="I40" s="149">
        <v>416277</v>
      </c>
      <c r="J40" s="150">
        <v>414138</v>
      </c>
      <c r="K40" s="150">
        <v>2139</v>
      </c>
      <c r="L40" s="149">
        <v>304402</v>
      </c>
      <c r="M40" s="150">
        <v>301947</v>
      </c>
      <c r="N40" s="151">
        <v>2455</v>
      </c>
      <c r="O40" s="137" t="s">
        <v>62</v>
      </c>
    </row>
    <row r="41" spans="1:15" ht="13.5" customHeight="1" x14ac:dyDescent="0.15">
      <c r="A41" s="553"/>
      <c r="B41" s="132" t="s">
        <v>63</v>
      </c>
      <c r="C41" s="133" t="s">
        <v>108</v>
      </c>
      <c r="D41" s="146">
        <v>464578</v>
      </c>
      <c r="E41" s="147">
        <v>459840</v>
      </c>
      <c r="F41" s="147">
        <v>413200</v>
      </c>
      <c r="G41" s="147">
        <v>46640</v>
      </c>
      <c r="H41" s="147">
        <v>4738</v>
      </c>
      <c r="I41" s="146">
        <v>483930</v>
      </c>
      <c r="J41" s="147">
        <v>479347</v>
      </c>
      <c r="K41" s="147">
        <v>4583</v>
      </c>
      <c r="L41" s="146">
        <v>372095</v>
      </c>
      <c r="M41" s="147">
        <v>366621</v>
      </c>
      <c r="N41" s="148">
        <v>5474</v>
      </c>
      <c r="O41" s="132" t="s">
        <v>63</v>
      </c>
    </row>
    <row r="42" spans="1:15" ht="13.5" customHeight="1" x14ac:dyDescent="0.15">
      <c r="A42" s="553"/>
      <c r="B42" s="137" t="s">
        <v>64</v>
      </c>
      <c r="C42" s="142" t="s">
        <v>109</v>
      </c>
      <c r="D42" s="149">
        <v>805934</v>
      </c>
      <c r="E42" s="150">
        <v>481589</v>
      </c>
      <c r="F42" s="150">
        <v>456680</v>
      </c>
      <c r="G42" s="150">
        <v>24909</v>
      </c>
      <c r="H42" s="150">
        <v>324345</v>
      </c>
      <c r="I42" s="149">
        <v>839348</v>
      </c>
      <c r="J42" s="150">
        <v>502936</v>
      </c>
      <c r="K42" s="150">
        <v>336412</v>
      </c>
      <c r="L42" s="149">
        <v>679002</v>
      </c>
      <c r="M42" s="150">
        <v>400497</v>
      </c>
      <c r="N42" s="151">
        <v>278505</v>
      </c>
      <c r="O42" s="137" t="s">
        <v>64</v>
      </c>
    </row>
    <row r="43" spans="1:15" ht="13.5" customHeight="1" x14ac:dyDescent="0.15">
      <c r="A43" s="553"/>
      <c r="B43" s="132" t="s">
        <v>65</v>
      </c>
      <c r="C43" s="133" t="s">
        <v>110</v>
      </c>
      <c r="D43" s="146">
        <v>381326</v>
      </c>
      <c r="E43" s="147">
        <v>377581</v>
      </c>
      <c r="F43" s="147">
        <v>348624</v>
      </c>
      <c r="G43" s="147">
        <v>28957</v>
      </c>
      <c r="H43" s="147">
        <v>3745</v>
      </c>
      <c r="I43" s="146">
        <v>429922</v>
      </c>
      <c r="J43" s="147">
        <v>426450</v>
      </c>
      <c r="K43" s="147">
        <v>3472</v>
      </c>
      <c r="L43" s="146">
        <v>243352</v>
      </c>
      <c r="M43" s="147">
        <v>238830</v>
      </c>
      <c r="N43" s="148">
        <v>4522</v>
      </c>
      <c r="O43" s="132" t="s">
        <v>65</v>
      </c>
    </row>
    <row r="44" spans="1:15" ht="13.5" customHeight="1" x14ac:dyDescent="0.15">
      <c r="A44" s="553"/>
      <c r="B44" s="137" t="s">
        <v>66</v>
      </c>
      <c r="C44" s="142" t="s">
        <v>111</v>
      </c>
      <c r="D44" s="149">
        <v>505040</v>
      </c>
      <c r="E44" s="150">
        <v>499985</v>
      </c>
      <c r="F44" s="150">
        <v>454334</v>
      </c>
      <c r="G44" s="150">
        <v>45651</v>
      </c>
      <c r="H44" s="150">
        <v>5055</v>
      </c>
      <c r="I44" s="149">
        <v>526409</v>
      </c>
      <c r="J44" s="150">
        <v>521209</v>
      </c>
      <c r="K44" s="150">
        <v>5200</v>
      </c>
      <c r="L44" s="149">
        <v>393005</v>
      </c>
      <c r="M44" s="150">
        <v>388709</v>
      </c>
      <c r="N44" s="151">
        <v>4296</v>
      </c>
      <c r="O44" s="137" t="s">
        <v>66</v>
      </c>
    </row>
    <row r="45" spans="1:15" ht="13.5" customHeight="1" x14ac:dyDescent="0.15">
      <c r="A45" s="553"/>
      <c r="B45" s="132" t="s">
        <v>67</v>
      </c>
      <c r="C45" s="133" t="s">
        <v>112</v>
      </c>
      <c r="D45" s="146">
        <v>438783</v>
      </c>
      <c r="E45" s="147">
        <v>427100</v>
      </c>
      <c r="F45" s="147">
        <v>384349</v>
      </c>
      <c r="G45" s="147">
        <v>42751</v>
      </c>
      <c r="H45" s="147">
        <v>11683</v>
      </c>
      <c r="I45" s="146">
        <v>451181</v>
      </c>
      <c r="J45" s="147">
        <v>438641</v>
      </c>
      <c r="K45" s="147">
        <v>12540</v>
      </c>
      <c r="L45" s="146">
        <v>363848</v>
      </c>
      <c r="M45" s="147">
        <v>357346</v>
      </c>
      <c r="N45" s="148">
        <v>6502</v>
      </c>
      <c r="O45" s="132" t="s">
        <v>67</v>
      </c>
    </row>
    <row r="46" spans="1:15" ht="13.5" customHeight="1" x14ac:dyDescent="0.15">
      <c r="A46" s="553"/>
      <c r="B46" s="137" t="s">
        <v>113</v>
      </c>
      <c r="C46" s="142" t="s">
        <v>114</v>
      </c>
      <c r="D46" s="149">
        <v>268264</v>
      </c>
      <c r="E46" s="150">
        <v>268264</v>
      </c>
      <c r="F46" s="150">
        <v>254560</v>
      </c>
      <c r="G46" s="150">
        <v>13704</v>
      </c>
      <c r="H46" s="150">
        <v>0</v>
      </c>
      <c r="I46" s="149">
        <v>285575</v>
      </c>
      <c r="J46" s="150">
        <v>285575</v>
      </c>
      <c r="K46" s="150">
        <v>0</v>
      </c>
      <c r="L46" s="149">
        <v>220998</v>
      </c>
      <c r="M46" s="150">
        <v>220998</v>
      </c>
      <c r="N46" s="151">
        <v>0</v>
      </c>
      <c r="O46" s="137" t="s">
        <v>113</v>
      </c>
    </row>
    <row r="47" spans="1:15" ht="7.5" customHeight="1" x14ac:dyDescent="0.15">
      <c r="A47" s="553"/>
      <c r="B47" s="137"/>
      <c r="C47" s="142"/>
      <c r="D47" s="149"/>
      <c r="E47" s="150"/>
      <c r="F47" s="150"/>
      <c r="G47" s="150"/>
      <c r="H47" s="150"/>
      <c r="I47" s="149"/>
      <c r="J47" s="150"/>
      <c r="K47" s="150"/>
      <c r="L47" s="149"/>
      <c r="M47" s="150"/>
      <c r="N47" s="151"/>
      <c r="O47" s="137"/>
    </row>
    <row r="48" spans="1:15" ht="13.5" customHeight="1" thickBot="1" x14ac:dyDescent="0.2">
      <c r="A48" s="553"/>
      <c r="B48" s="152" t="s">
        <v>68</v>
      </c>
      <c r="C48" s="153" t="s">
        <v>115</v>
      </c>
      <c r="D48" s="166">
        <v>367820</v>
      </c>
      <c r="E48" s="167">
        <v>344618</v>
      </c>
      <c r="F48" s="167">
        <v>318516</v>
      </c>
      <c r="G48" s="167">
        <v>26102</v>
      </c>
      <c r="H48" s="167">
        <v>23202</v>
      </c>
      <c r="I48" s="166">
        <v>443846</v>
      </c>
      <c r="J48" s="167">
        <v>421553</v>
      </c>
      <c r="K48" s="167">
        <v>22293</v>
      </c>
      <c r="L48" s="166">
        <v>333046</v>
      </c>
      <c r="M48" s="167">
        <v>309428</v>
      </c>
      <c r="N48" s="168">
        <v>23618</v>
      </c>
      <c r="O48" s="152" t="s">
        <v>68</v>
      </c>
    </row>
    <row r="49" ht="14.25" customHeight="1" x14ac:dyDescent="0.15"/>
  </sheetData>
  <mergeCells count="20">
    <mergeCell ref="A1:A48"/>
    <mergeCell ref="B1:O1"/>
    <mergeCell ref="B2:G2"/>
    <mergeCell ref="N2:O2"/>
    <mergeCell ref="B3:C8"/>
    <mergeCell ref="E3:G4"/>
    <mergeCell ref="J3:J4"/>
    <mergeCell ref="M3:M4"/>
    <mergeCell ref="O3:O8"/>
    <mergeCell ref="D5:D8"/>
    <mergeCell ref="M6:M8"/>
    <mergeCell ref="N6:N8"/>
    <mergeCell ref="F7:F8"/>
    <mergeCell ref="G7:G8"/>
    <mergeCell ref="I5:I8"/>
    <mergeCell ref="L5:L8"/>
    <mergeCell ref="E6:E8"/>
    <mergeCell ref="H6:H8"/>
    <mergeCell ref="J6:J8"/>
    <mergeCell ref="K6:K8"/>
  </mergeCells>
  <phoneticPr fontId="3"/>
  <printOptions horizontalCentered="1"/>
  <pageMargins left="0.59055118110236227" right="0.59055118110236227" top="0.39370078740157483" bottom="0.59055118110236227" header="0" footer="0.19685039370078741"/>
  <pageSetup paperSize="9" scale="84" orientation="landscape" errors="blank"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EA8CFA1-969B-46E7-8EB5-183B640FAE35}">
  <sheetPr codeName="Sheet10">
    <tabColor indexed="52"/>
    <pageSetUpPr fitToPage="1"/>
  </sheetPr>
  <dimension ref="A1:Q49"/>
  <sheetViews>
    <sheetView view="pageBreakPreview" zoomScaleNormal="100" zoomScaleSheetLayoutView="100" workbookViewId="0">
      <selection sqref="A1:A48"/>
    </sheetView>
  </sheetViews>
  <sheetFormatPr defaultRowHeight="13.5" x14ac:dyDescent="0.15"/>
  <cols>
    <col min="1" max="1" width="5" style="3" customWidth="1"/>
    <col min="2" max="2" width="6.625" style="201" customWidth="1"/>
    <col min="3" max="3" width="23.75" style="3" customWidth="1"/>
    <col min="4" max="4" width="8.625" style="202" customWidth="1"/>
    <col min="5" max="15" width="8.625" style="3" customWidth="1"/>
    <col min="16" max="16" width="6.625" style="3" customWidth="1"/>
    <col min="17" max="16384" width="9" style="3"/>
  </cols>
  <sheetData>
    <row r="1" spans="1:17" ht="22.5" customHeight="1" x14ac:dyDescent="0.15">
      <c r="A1" s="553" t="s">
        <v>119</v>
      </c>
      <c r="B1" s="491" t="s">
        <v>120</v>
      </c>
      <c r="C1" s="491"/>
      <c r="D1" s="491"/>
      <c r="E1" s="491"/>
      <c r="F1" s="491"/>
      <c r="G1" s="491"/>
      <c r="H1" s="491"/>
      <c r="I1" s="491"/>
      <c r="J1" s="491"/>
      <c r="K1" s="491"/>
      <c r="L1" s="491"/>
      <c r="M1" s="491"/>
      <c r="N1" s="491"/>
      <c r="O1" s="491"/>
      <c r="P1" s="491"/>
      <c r="Q1" s="119"/>
    </row>
    <row r="2" spans="1:17" ht="11.25" customHeight="1" thickBot="1" x14ac:dyDescent="0.2">
      <c r="A2" s="553"/>
      <c r="B2" s="554" t="s">
        <v>70</v>
      </c>
      <c r="C2" s="554"/>
      <c r="D2" s="554"/>
      <c r="E2" s="554"/>
      <c r="F2" s="554"/>
      <c r="G2" s="554"/>
      <c r="N2" s="555" t="s">
        <v>121</v>
      </c>
      <c r="O2" s="555"/>
      <c r="P2" s="555"/>
    </row>
    <row r="3" spans="1:17" ht="8.25" customHeight="1" x14ac:dyDescent="0.15">
      <c r="A3" s="553"/>
      <c r="B3" s="493" t="s">
        <v>72</v>
      </c>
      <c r="C3" s="520"/>
      <c r="D3" s="169"/>
      <c r="E3" s="493" t="s">
        <v>73</v>
      </c>
      <c r="F3" s="562"/>
      <c r="G3" s="170"/>
      <c r="H3" s="171"/>
      <c r="I3" s="558" t="s">
        <v>74</v>
      </c>
      <c r="J3" s="564"/>
      <c r="K3" s="170"/>
      <c r="L3" s="171"/>
      <c r="M3" s="558" t="s">
        <v>75</v>
      </c>
      <c r="N3" s="558"/>
      <c r="O3" s="172"/>
      <c r="P3" s="492" t="s">
        <v>76</v>
      </c>
    </row>
    <row r="4" spans="1:17" ht="8.25" customHeight="1" x14ac:dyDescent="0.15">
      <c r="A4" s="553"/>
      <c r="B4" s="495"/>
      <c r="C4" s="521"/>
      <c r="D4" s="173"/>
      <c r="E4" s="563"/>
      <c r="F4" s="563"/>
      <c r="G4" s="174"/>
      <c r="H4" s="175"/>
      <c r="I4" s="565"/>
      <c r="J4" s="565"/>
      <c r="K4" s="176"/>
      <c r="L4" s="175"/>
      <c r="M4" s="559"/>
      <c r="N4" s="559"/>
      <c r="O4" s="177"/>
      <c r="P4" s="494"/>
    </row>
    <row r="5" spans="1:17" ht="8.25" customHeight="1" x14ac:dyDescent="0.15">
      <c r="A5" s="553"/>
      <c r="B5" s="495"/>
      <c r="C5" s="521"/>
      <c r="D5" s="566" t="s">
        <v>18</v>
      </c>
      <c r="E5" s="569" t="s">
        <v>122</v>
      </c>
      <c r="F5" s="570"/>
      <c r="G5" s="178"/>
      <c r="H5" s="566" t="s">
        <v>18</v>
      </c>
      <c r="I5" s="569" t="s">
        <v>123</v>
      </c>
      <c r="J5" s="570"/>
      <c r="K5" s="178"/>
      <c r="L5" s="566" t="s">
        <v>18</v>
      </c>
      <c r="M5" s="569" t="s">
        <v>123</v>
      </c>
      <c r="N5" s="570"/>
      <c r="O5" s="178"/>
      <c r="P5" s="494"/>
    </row>
    <row r="6" spans="1:17" ht="8.25" customHeight="1" x14ac:dyDescent="0.15">
      <c r="A6" s="553"/>
      <c r="B6" s="495"/>
      <c r="C6" s="521"/>
      <c r="D6" s="567"/>
      <c r="E6" s="571"/>
      <c r="F6" s="572"/>
      <c r="G6" s="174"/>
      <c r="H6" s="567"/>
      <c r="I6" s="571"/>
      <c r="J6" s="572"/>
      <c r="K6" s="174"/>
      <c r="L6" s="567"/>
      <c r="M6" s="571"/>
      <c r="N6" s="572"/>
      <c r="O6" s="179"/>
      <c r="P6" s="494"/>
    </row>
    <row r="7" spans="1:17" ht="10.5" customHeight="1" x14ac:dyDescent="0.15">
      <c r="A7" s="553"/>
      <c r="B7" s="495"/>
      <c r="C7" s="521"/>
      <c r="D7" s="567"/>
      <c r="E7" s="180"/>
      <c r="F7" s="181" t="s">
        <v>124</v>
      </c>
      <c r="G7" s="182" t="s">
        <v>125</v>
      </c>
      <c r="H7" s="567"/>
      <c r="I7" s="180"/>
      <c r="J7" s="181" t="s">
        <v>124</v>
      </c>
      <c r="K7" s="182" t="s">
        <v>125</v>
      </c>
      <c r="L7" s="567"/>
      <c r="M7" s="180"/>
      <c r="N7" s="181" t="s">
        <v>124</v>
      </c>
      <c r="O7" s="182" t="s">
        <v>125</v>
      </c>
      <c r="P7" s="494"/>
    </row>
    <row r="8" spans="1:17" ht="10.5" customHeight="1" x14ac:dyDescent="0.15">
      <c r="A8" s="553"/>
      <c r="B8" s="522"/>
      <c r="C8" s="523"/>
      <c r="D8" s="568"/>
      <c r="E8" s="180"/>
      <c r="F8" s="180" t="s">
        <v>126</v>
      </c>
      <c r="G8" s="182" t="s">
        <v>126</v>
      </c>
      <c r="H8" s="568"/>
      <c r="I8" s="180"/>
      <c r="J8" s="180" t="s">
        <v>126</v>
      </c>
      <c r="K8" s="182" t="s">
        <v>126</v>
      </c>
      <c r="L8" s="568"/>
      <c r="M8" s="180"/>
      <c r="N8" s="180" t="s">
        <v>126</v>
      </c>
      <c r="O8" s="182" t="s">
        <v>126</v>
      </c>
      <c r="P8" s="175"/>
    </row>
    <row r="9" spans="1:17" ht="13.5" customHeight="1" x14ac:dyDescent="0.15">
      <c r="A9" s="553"/>
      <c r="B9" s="132" t="s">
        <v>33</v>
      </c>
      <c r="C9" s="133" t="s">
        <v>78</v>
      </c>
      <c r="D9" s="183">
        <v>15.9</v>
      </c>
      <c r="E9" s="184">
        <v>123.4</v>
      </c>
      <c r="F9" s="184">
        <v>113.8</v>
      </c>
      <c r="G9" s="185">
        <v>9.6</v>
      </c>
      <c r="H9" s="183">
        <v>16.899999999999999</v>
      </c>
      <c r="I9" s="184">
        <v>139.30000000000001</v>
      </c>
      <c r="J9" s="184">
        <v>126</v>
      </c>
      <c r="K9" s="185">
        <v>13.3</v>
      </c>
      <c r="L9" s="183">
        <v>14.7</v>
      </c>
      <c r="M9" s="184">
        <v>106.6</v>
      </c>
      <c r="N9" s="184">
        <v>100.8</v>
      </c>
      <c r="O9" s="185">
        <v>5.8</v>
      </c>
      <c r="P9" s="132" t="s">
        <v>33</v>
      </c>
    </row>
    <row r="10" spans="1:17" ht="6.75" customHeight="1" x14ac:dyDescent="0.15">
      <c r="A10" s="553"/>
      <c r="B10" s="137"/>
      <c r="C10" s="138"/>
      <c r="D10" s="186"/>
      <c r="E10" s="187"/>
      <c r="F10" s="187"/>
      <c r="G10" s="188"/>
      <c r="H10" s="186"/>
      <c r="I10" s="187"/>
      <c r="J10" s="187"/>
      <c r="K10" s="188"/>
      <c r="L10" s="186"/>
      <c r="M10" s="187"/>
      <c r="N10" s="187"/>
      <c r="O10" s="188"/>
      <c r="P10" s="137"/>
    </row>
    <row r="11" spans="1:17" ht="13.5" customHeight="1" x14ac:dyDescent="0.15">
      <c r="A11" s="553"/>
      <c r="B11" s="137" t="s">
        <v>34</v>
      </c>
      <c r="C11" s="142" t="s">
        <v>79</v>
      </c>
      <c r="D11" s="186">
        <v>19.2</v>
      </c>
      <c r="E11" s="187">
        <v>157.4</v>
      </c>
      <c r="F11" s="187">
        <v>146.1</v>
      </c>
      <c r="G11" s="188">
        <v>11.3</v>
      </c>
      <c r="H11" s="186">
        <v>19.5</v>
      </c>
      <c r="I11" s="187">
        <v>161.80000000000001</v>
      </c>
      <c r="J11" s="187">
        <v>149.5</v>
      </c>
      <c r="K11" s="188">
        <v>12.3</v>
      </c>
      <c r="L11" s="186">
        <v>17.5</v>
      </c>
      <c r="M11" s="187">
        <v>136.80000000000001</v>
      </c>
      <c r="N11" s="187">
        <v>130.1</v>
      </c>
      <c r="O11" s="188">
        <v>6.7</v>
      </c>
      <c r="P11" s="137" t="s">
        <v>34</v>
      </c>
    </row>
    <row r="12" spans="1:17" ht="13.5" customHeight="1" x14ac:dyDescent="0.15">
      <c r="A12" s="553"/>
      <c r="B12" s="132" t="s">
        <v>35</v>
      </c>
      <c r="C12" s="133" t="s">
        <v>80</v>
      </c>
      <c r="D12" s="189">
        <v>17.100000000000001</v>
      </c>
      <c r="E12" s="190">
        <v>143.19999999999999</v>
      </c>
      <c r="F12" s="190">
        <v>130.19999999999999</v>
      </c>
      <c r="G12" s="191">
        <v>13</v>
      </c>
      <c r="H12" s="189">
        <v>17.399999999999999</v>
      </c>
      <c r="I12" s="190">
        <v>149.69999999999999</v>
      </c>
      <c r="J12" s="190">
        <v>134.6</v>
      </c>
      <c r="K12" s="191">
        <v>15.1</v>
      </c>
      <c r="L12" s="189">
        <v>16.100000000000001</v>
      </c>
      <c r="M12" s="190">
        <v>125.1</v>
      </c>
      <c r="N12" s="190">
        <v>118</v>
      </c>
      <c r="O12" s="191">
        <v>7.1</v>
      </c>
      <c r="P12" s="132" t="s">
        <v>35</v>
      </c>
    </row>
    <row r="13" spans="1:17" ht="13.5" customHeight="1" x14ac:dyDescent="0.15">
      <c r="A13" s="553"/>
      <c r="B13" s="137" t="s">
        <v>36</v>
      </c>
      <c r="C13" s="142" t="s">
        <v>81</v>
      </c>
      <c r="D13" s="186">
        <v>16.7</v>
      </c>
      <c r="E13" s="187">
        <v>138.6</v>
      </c>
      <c r="F13" s="187">
        <v>125.4</v>
      </c>
      <c r="G13" s="188">
        <v>13.2</v>
      </c>
      <c r="H13" s="186">
        <v>16.7</v>
      </c>
      <c r="I13" s="187">
        <v>140.9</v>
      </c>
      <c r="J13" s="187">
        <v>126.4</v>
      </c>
      <c r="K13" s="188">
        <v>14.5</v>
      </c>
      <c r="L13" s="186">
        <v>16.2</v>
      </c>
      <c r="M13" s="187">
        <v>126.4</v>
      </c>
      <c r="N13" s="187">
        <v>120.1</v>
      </c>
      <c r="O13" s="188">
        <v>6.3</v>
      </c>
      <c r="P13" s="137" t="s">
        <v>36</v>
      </c>
    </row>
    <row r="14" spans="1:17" ht="13.5" customHeight="1" x14ac:dyDescent="0.15">
      <c r="A14" s="553"/>
      <c r="B14" s="132" t="s">
        <v>37</v>
      </c>
      <c r="C14" s="133" t="s">
        <v>82</v>
      </c>
      <c r="D14" s="189">
        <v>17.899999999999999</v>
      </c>
      <c r="E14" s="190">
        <v>153.5</v>
      </c>
      <c r="F14" s="190">
        <v>137.6</v>
      </c>
      <c r="G14" s="191">
        <v>15.9</v>
      </c>
      <c r="H14" s="189">
        <v>18</v>
      </c>
      <c r="I14" s="190">
        <v>155.9</v>
      </c>
      <c r="J14" s="190">
        <v>139.30000000000001</v>
      </c>
      <c r="K14" s="191">
        <v>16.600000000000001</v>
      </c>
      <c r="L14" s="189">
        <v>17.600000000000001</v>
      </c>
      <c r="M14" s="190">
        <v>146.19999999999999</v>
      </c>
      <c r="N14" s="190">
        <v>132.4</v>
      </c>
      <c r="O14" s="191">
        <v>13.8</v>
      </c>
      <c r="P14" s="132" t="s">
        <v>37</v>
      </c>
    </row>
    <row r="15" spans="1:17" ht="13.5" customHeight="1" x14ac:dyDescent="0.15">
      <c r="A15" s="553"/>
      <c r="B15" s="137" t="s">
        <v>38</v>
      </c>
      <c r="C15" s="142" t="s">
        <v>83</v>
      </c>
      <c r="D15" s="186">
        <v>17.8</v>
      </c>
      <c r="E15" s="187">
        <v>144.30000000000001</v>
      </c>
      <c r="F15" s="187">
        <v>129.9</v>
      </c>
      <c r="G15" s="188">
        <v>14.4</v>
      </c>
      <c r="H15" s="186">
        <v>18.5</v>
      </c>
      <c r="I15" s="187">
        <v>152.6</v>
      </c>
      <c r="J15" s="187">
        <v>136.1</v>
      </c>
      <c r="K15" s="188">
        <v>16.5</v>
      </c>
      <c r="L15" s="186">
        <v>16.100000000000001</v>
      </c>
      <c r="M15" s="187">
        <v>122.2</v>
      </c>
      <c r="N15" s="187">
        <v>113.3</v>
      </c>
      <c r="O15" s="188">
        <v>8.9</v>
      </c>
      <c r="P15" s="137" t="s">
        <v>38</v>
      </c>
    </row>
    <row r="16" spans="1:17" ht="13.5" customHeight="1" x14ac:dyDescent="0.15">
      <c r="A16" s="553"/>
      <c r="B16" s="132" t="s">
        <v>39</v>
      </c>
      <c r="C16" s="133" t="s">
        <v>84</v>
      </c>
      <c r="D16" s="189">
        <v>15.6</v>
      </c>
      <c r="E16" s="190">
        <v>112.6</v>
      </c>
      <c r="F16" s="190">
        <v>105.7</v>
      </c>
      <c r="G16" s="191">
        <v>6.9</v>
      </c>
      <c r="H16" s="189">
        <v>16.7</v>
      </c>
      <c r="I16" s="190">
        <v>131.69999999999999</v>
      </c>
      <c r="J16" s="190">
        <v>120.1</v>
      </c>
      <c r="K16" s="191">
        <v>11.6</v>
      </c>
      <c r="L16" s="189">
        <v>14.8</v>
      </c>
      <c r="M16" s="190">
        <v>100.3</v>
      </c>
      <c r="N16" s="190">
        <v>96.4</v>
      </c>
      <c r="O16" s="191">
        <v>3.9</v>
      </c>
      <c r="P16" s="132" t="s">
        <v>39</v>
      </c>
    </row>
    <row r="17" spans="1:16" ht="13.5" customHeight="1" x14ac:dyDescent="0.15">
      <c r="A17" s="553"/>
      <c r="B17" s="137" t="s">
        <v>40</v>
      </c>
      <c r="C17" s="142" t="s">
        <v>85</v>
      </c>
      <c r="D17" s="186">
        <v>17.600000000000001</v>
      </c>
      <c r="E17" s="187">
        <v>135.80000000000001</v>
      </c>
      <c r="F17" s="187">
        <v>123.8</v>
      </c>
      <c r="G17" s="188">
        <v>12</v>
      </c>
      <c r="H17" s="186">
        <v>18.3</v>
      </c>
      <c r="I17" s="187">
        <v>153.6</v>
      </c>
      <c r="J17" s="187">
        <v>135.1</v>
      </c>
      <c r="K17" s="188">
        <v>18.5</v>
      </c>
      <c r="L17" s="186">
        <v>17.100000000000001</v>
      </c>
      <c r="M17" s="187">
        <v>123.6</v>
      </c>
      <c r="N17" s="187">
        <v>116.1</v>
      </c>
      <c r="O17" s="188">
        <v>7.5</v>
      </c>
      <c r="P17" s="137" t="s">
        <v>40</v>
      </c>
    </row>
    <row r="18" spans="1:16" ht="13.5" customHeight="1" x14ac:dyDescent="0.15">
      <c r="A18" s="553"/>
      <c r="B18" s="132" t="s">
        <v>41</v>
      </c>
      <c r="C18" s="133" t="s">
        <v>86</v>
      </c>
      <c r="D18" s="189">
        <v>17.2</v>
      </c>
      <c r="E18" s="190">
        <v>133.69999999999999</v>
      </c>
      <c r="F18" s="190">
        <v>122.7</v>
      </c>
      <c r="G18" s="191">
        <v>11</v>
      </c>
      <c r="H18" s="189">
        <v>17.7</v>
      </c>
      <c r="I18" s="190">
        <v>141.6</v>
      </c>
      <c r="J18" s="190">
        <v>128.1</v>
      </c>
      <c r="K18" s="191">
        <v>13.5</v>
      </c>
      <c r="L18" s="189">
        <v>16.2</v>
      </c>
      <c r="M18" s="190">
        <v>118.5</v>
      </c>
      <c r="N18" s="190">
        <v>112.3</v>
      </c>
      <c r="O18" s="191">
        <v>6.2</v>
      </c>
      <c r="P18" s="132" t="s">
        <v>41</v>
      </c>
    </row>
    <row r="19" spans="1:16" ht="13.5" customHeight="1" x14ac:dyDescent="0.15">
      <c r="A19" s="553"/>
      <c r="B19" s="137" t="s">
        <v>42</v>
      </c>
      <c r="C19" s="142" t="s">
        <v>87</v>
      </c>
      <c r="D19" s="186">
        <v>17.7</v>
      </c>
      <c r="E19" s="187">
        <v>148.69999999999999</v>
      </c>
      <c r="F19" s="187">
        <v>134.4</v>
      </c>
      <c r="G19" s="188">
        <v>14.3</v>
      </c>
      <c r="H19" s="186">
        <v>18.2</v>
      </c>
      <c r="I19" s="187">
        <v>156.9</v>
      </c>
      <c r="J19" s="187">
        <v>139.69999999999999</v>
      </c>
      <c r="K19" s="188">
        <v>17.2</v>
      </c>
      <c r="L19" s="186">
        <v>16.5</v>
      </c>
      <c r="M19" s="187">
        <v>129.80000000000001</v>
      </c>
      <c r="N19" s="187">
        <v>122.2</v>
      </c>
      <c r="O19" s="188">
        <v>7.6</v>
      </c>
      <c r="P19" s="137" t="s">
        <v>42</v>
      </c>
    </row>
    <row r="20" spans="1:16" ht="13.5" customHeight="1" x14ac:dyDescent="0.15">
      <c r="A20" s="553"/>
      <c r="B20" s="132" t="s">
        <v>43</v>
      </c>
      <c r="C20" s="133" t="s">
        <v>88</v>
      </c>
      <c r="D20" s="189">
        <v>11.9</v>
      </c>
      <c r="E20" s="190">
        <v>81.900000000000006</v>
      </c>
      <c r="F20" s="190">
        <v>74.5</v>
      </c>
      <c r="G20" s="191">
        <v>7.4</v>
      </c>
      <c r="H20" s="189">
        <v>12.9</v>
      </c>
      <c r="I20" s="190">
        <v>97</v>
      </c>
      <c r="J20" s="190">
        <v>85.3</v>
      </c>
      <c r="K20" s="191">
        <v>11.7</v>
      </c>
      <c r="L20" s="189">
        <v>11.1</v>
      </c>
      <c r="M20" s="190">
        <v>71.8</v>
      </c>
      <c r="N20" s="190">
        <v>67.3</v>
      </c>
      <c r="O20" s="191">
        <v>4.5</v>
      </c>
      <c r="P20" s="132" t="s">
        <v>43</v>
      </c>
    </row>
    <row r="21" spans="1:16" ht="13.5" customHeight="1" x14ac:dyDescent="0.15">
      <c r="A21" s="553"/>
      <c r="B21" s="137" t="s">
        <v>44</v>
      </c>
      <c r="C21" s="142" t="s">
        <v>89</v>
      </c>
      <c r="D21" s="186">
        <v>15.3</v>
      </c>
      <c r="E21" s="187">
        <v>114.7</v>
      </c>
      <c r="F21" s="187">
        <v>109.1</v>
      </c>
      <c r="G21" s="188">
        <v>5.6</v>
      </c>
      <c r="H21" s="186">
        <v>16.100000000000001</v>
      </c>
      <c r="I21" s="187">
        <v>122</v>
      </c>
      <c r="J21" s="187">
        <v>116.2</v>
      </c>
      <c r="K21" s="188">
        <v>5.8</v>
      </c>
      <c r="L21" s="186">
        <v>14.7</v>
      </c>
      <c r="M21" s="187">
        <v>108.9</v>
      </c>
      <c r="N21" s="187">
        <v>103.4</v>
      </c>
      <c r="O21" s="188">
        <v>5.5</v>
      </c>
      <c r="P21" s="137" t="s">
        <v>44</v>
      </c>
    </row>
    <row r="22" spans="1:16" ht="13.5" customHeight="1" x14ac:dyDescent="0.15">
      <c r="A22" s="553"/>
      <c r="B22" s="132" t="s">
        <v>45</v>
      </c>
      <c r="C22" s="133" t="s">
        <v>90</v>
      </c>
      <c r="D22" s="189">
        <v>14.2</v>
      </c>
      <c r="E22" s="190">
        <v>112.5</v>
      </c>
      <c r="F22" s="190">
        <v>97.2</v>
      </c>
      <c r="G22" s="191">
        <v>15.3</v>
      </c>
      <c r="H22" s="189">
        <v>14.7</v>
      </c>
      <c r="I22" s="190">
        <v>117.6</v>
      </c>
      <c r="J22" s="190">
        <v>100.9</v>
      </c>
      <c r="K22" s="191">
        <v>16.7</v>
      </c>
      <c r="L22" s="189">
        <v>13.8</v>
      </c>
      <c r="M22" s="190">
        <v>107</v>
      </c>
      <c r="N22" s="190">
        <v>93.3</v>
      </c>
      <c r="O22" s="191">
        <v>13.7</v>
      </c>
      <c r="P22" s="132" t="s">
        <v>45</v>
      </c>
    </row>
    <row r="23" spans="1:16" ht="13.5" customHeight="1" x14ac:dyDescent="0.15">
      <c r="A23" s="553"/>
      <c r="B23" s="137" t="s">
        <v>46</v>
      </c>
      <c r="C23" s="142" t="s">
        <v>91</v>
      </c>
      <c r="D23" s="186">
        <v>15.2</v>
      </c>
      <c r="E23" s="187">
        <v>115.1</v>
      </c>
      <c r="F23" s="187">
        <v>109.9</v>
      </c>
      <c r="G23" s="188">
        <v>5.2</v>
      </c>
      <c r="H23" s="186">
        <v>16.3</v>
      </c>
      <c r="I23" s="187">
        <v>130</v>
      </c>
      <c r="J23" s="187">
        <v>122.8</v>
      </c>
      <c r="K23" s="188">
        <v>7.2</v>
      </c>
      <c r="L23" s="186">
        <v>14.9</v>
      </c>
      <c r="M23" s="187">
        <v>109.5</v>
      </c>
      <c r="N23" s="187">
        <v>105</v>
      </c>
      <c r="O23" s="188">
        <v>4.5</v>
      </c>
      <c r="P23" s="137" t="s">
        <v>46</v>
      </c>
    </row>
    <row r="24" spans="1:16" ht="13.5" customHeight="1" x14ac:dyDescent="0.15">
      <c r="A24" s="553"/>
      <c r="B24" s="132" t="s">
        <v>47</v>
      </c>
      <c r="C24" s="133" t="s">
        <v>92</v>
      </c>
      <c r="D24" s="192">
        <v>17.5</v>
      </c>
      <c r="E24" s="193">
        <v>143.5</v>
      </c>
      <c r="F24" s="193">
        <v>134.1</v>
      </c>
      <c r="G24" s="194">
        <v>9.4</v>
      </c>
      <c r="H24" s="192">
        <v>18</v>
      </c>
      <c r="I24" s="193">
        <v>151.80000000000001</v>
      </c>
      <c r="J24" s="193">
        <v>139.1</v>
      </c>
      <c r="K24" s="194">
        <v>12.7</v>
      </c>
      <c r="L24" s="192">
        <v>17</v>
      </c>
      <c r="M24" s="193">
        <v>132.1</v>
      </c>
      <c r="N24" s="193">
        <v>127.3</v>
      </c>
      <c r="O24" s="194">
        <v>4.8</v>
      </c>
      <c r="P24" s="132" t="s">
        <v>47</v>
      </c>
    </row>
    <row r="25" spans="1:16" ht="13.5" customHeight="1" x14ac:dyDescent="0.15">
      <c r="A25" s="553"/>
      <c r="B25" s="137" t="s">
        <v>48</v>
      </c>
      <c r="C25" s="142" t="s">
        <v>93</v>
      </c>
      <c r="D25" s="186">
        <v>16.3</v>
      </c>
      <c r="E25" s="187">
        <v>129</v>
      </c>
      <c r="F25" s="187">
        <v>119.7</v>
      </c>
      <c r="G25" s="188">
        <v>9.3000000000000007</v>
      </c>
      <c r="H25" s="186">
        <v>16.899999999999999</v>
      </c>
      <c r="I25" s="187">
        <v>141.69999999999999</v>
      </c>
      <c r="J25" s="187">
        <v>129.30000000000001</v>
      </c>
      <c r="K25" s="188">
        <v>12.4</v>
      </c>
      <c r="L25" s="186">
        <v>15.3</v>
      </c>
      <c r="M25" s="187">
        <v>110</v>
      </c>
      <c r="N25" s="187">
        <v>105.2</v>
      </c>
      <c r="O25" s="188">
        <v>4.8</v>
      </c>
      <c r="P25" s="137" t="s">
        <v>48</v>
      </c>
    </row>
    <row r="26" spans="1:16" ht="6.75" customHeight="1" x14ac:dyDescent="0.15">
      <c r="A26" s="553"/>
      <c r="B26" s="137"/>
      <c r="C26" s="142"/>
      <c r="D26" s="186"/>
      <c r="E26" s="187"/>
      <c r="F26" s="187"/>
      <c r="G26" s="188"/>
      <c r="H26" s="186"/>
      <c r="I26" s="187"/>
      <c r="J26" s="187"/>
      <c r="K26" s="188"/>
      <c r="L26" s="186"/>
      <c r="M26" s="187"/>
      <c r="N26" s="187"/>
      <c r="O26" s="188"/>
      <c r="P26" s="137"/>
    </row>
    <row r="27" spans="1:16" ht="13.5" customHeight="1" x14ac:dyDescent="0.15">
      <c r="A27" s="553"/>
      <c r="B27" s="132" t="s">
        <v>49</v>
      </c>
      <c r="C27" s="133" t="s">
        <v>94</v>
      </c>
      <c r="D27" s="189">
        <v>16.899999999999999</v>
      </c>
      <c r="E27" s="190">
        <v>134.1</v>
      </c>
      <c r="F27" s="190">
        <v>123.6</v>
      </c>
      <c r="G27" s="191">
        <v>10.5</v>
      </c>
      <c r="H27" s="189">
        <v>18</v>
      </c>
      <c r="I27" s="190">
        <v>150.19999999999999</v>
      </c>
      <c r="J27" s="190">
        <v>136.4</v>
      </c>
      <c r="K27" s="191">
        <v>13.8</v>
      </c>
      <c r="L27" s="189">
        <v>15.9</v>
      </c>
      <c r="M27" s="190">
        <v>119.4</v>
      </c>
      <c r="N27" s="190">
        <v>112</v>
      </c>
      <c r="O27" s="191">
        <v>7.4</v>
      </c>
      <c r="P27" s="132" t="s">
        <v>49</v>
      </c>
    </row>
    <row r="28" spans="1:16" ht="13.5" customHeight="1" x14ac:dyDescent="0.15">
      <c r="A28" s="553"/>
      <c r="B28" s="137" t="s">
        <v>50</v>
      </c>
      <c r="C28" s="142" t="s">
        <v>95</v>
      </c>
      <c r="D28" s="195">
        <v>17.399999999999999</v>
      </c>
      <c r="E28" s="196">
        <v>143.80000000000001</v>
      </c>
      <c r="F28" s="196">
        <v>132.5</v>
      </c>
      <c r="G28" s="197">
        <v>11.3</v>
      </c>
      <c r="H28" s="195">
        <v>17.8</v>
      </c>
      <c r="I28" s="196">
        <v>153.30000000000001</v>
      </c>
      <c r="J28" s="196">
        <v>138.9</v>
      </c>
      <c r="K28" s="197">
        <v>14.4</v>
      </c>
      <c r="L28" s="195">
        <v>16.5</v>
      </c>
      <c r="M28" s="196">
        <v>121.8</v>
      </c>
      <c r="N28" s="196">
        <v>117.6</v>
      </c>
      <c r="O28" s="197">
        <v>4.2</v>
      </c>
      <c r="P28" s="137" t="s">
        <v>50</v>
      </c>
    </row>
    <row r="29" spans="1:16" ht="13.5" customHeight="1" x14ac:dyDescent="0.15">
      <c r="A29" s="553"/>
      <c r="B29" s="132" t="s">
        <v>51</v>
      </c>
      <c r="C29" s="133" t="s">
        <v>96</v>
      </c>
      <c r="D29" s="192">
        <v>16.7</v>
      </c>
      <c r="E29" s="193">
        <v>118.3</v>
      </c>
      <c r="F29" s="193">
        <v>115</v>
      </c>
      <c r="G29" s="194">
        <v>3.3</v>
      </c>
      <c r="H29" s="192">
        <v>17</v>
      </c>
      <c r="I29" s="193">
        <v>121.7</v>
      </c>
      <c r="J29" s="193">
        <v>117.5</v>
      </c>
      <c r="K29" s="194">
        <v>4.2</v>
      </c>
      <c r="L29" s="192">
        <v>16.100000000000001</v>
      </c>
      <c r="M29" s="193">
        <v>112</v>
      </c>
      <c r="N29" s="193">
        <v>110.4</v>
      </c>
      <c r="O29" s="194">
        <v>1.6</v>
      </c>
      <c r="P29" s="132" t="s">
        <v>51</v>
      </c>
    </row>
    <row r="30" spans="1:16" ht="13.5" customHeight="1" x14ac:dyDescent="0.15">
      <c r="A30" s="553"/>
      <c r="B30" s="137" t="s">
        <v>52</v>
      </c>
      <c r="C30" s="142" t="s">
        <v>97</v>
      </c>
      <c r="D30" s="186">
        <v>19.100000000000001</v>
      </c>
      <c r="E30" s="187">
        <v>154.30000000000001</v>
      </c>
      <c r="F30" s="187">
        <v>143.5</v>
      </c>
      <c r="G30" s="188">
        <v>10.8</v>
      </c>
      <c r="H30" s="186">
        <v>19.2</v>
      </c>
      <c r="I30" s="187">
        <v>154.69999999999999</v>
      </c>
      <c r="J30" s="187">
        <v>142.9</v>
      </c>
      <c r="K30" s="188">
        <v>11.8</v>
      </c>
      <c r="L30" s="186">
        <v>18.7</v>
      </c>
      <c r="M30" s="187">
        <v>152.80000000000001</v>
      </c>
      <c r="N30" s="187">
        <v>145.9</v>
      </c>
      <c r="O30" s="188">
        <v>6.9</v>
      </c>
      <c r="P30" s="137" t="s">
        <v>52</v>
      </c>
    </row>
    <row r="31" spans="1:16" ht="13.5" customHeight="1" x14ac:dyDescent="0.15">
      <c r="A31" s="553"/>
      <c r="B31" s="132" t="s">
        <v>53</v>
      </c>
      <c r="C31" s="133" t="s">
        <v>98</v>
      </c>
      <c r="D31" s="189">
        <v>16</v>
      </c>
      <c r="E31" s="190">
        <v>134.9</v>
      </c>
      <c r="F31" s="190">
        <v>123.9</v>
      </c>
      <c r="G31" s="191">
        <v>11</v>
      </c>
      <c r="H31" s="189">
        <v>16.3</v>
      </c>
      <c r="I31" s="190">
        <v>142</v>
      </c>
      <c r="J31" s="190">
        <v>127.8</v>
      </c>
      <c r="K31" s="191">
        <v>14.2</v>
      </c>
      <c r="L31" s="189">
        <v>15.5</v>
      </c>
      <c r="M31" s="190">
        <v>124.5</v>
      </c>
      <c r="N31" s="190">
        <v>118.2</v>
      </c>
      <c r="O31" s="191">
        <v>6.3</v>
      </c>
      <c r="P31" s="132" t="s">
        <v>53</v>
      </c>
    </row>
    <row r="32" spans="1:16" ht="13.5" customHeight="1" x14ac:dyDescent="0.15">
      <c r="A32" s="553"/>
      <c r="B32" s="137" t="s">
        <v>54</v>
      </c>
      <c r="C32" s="142" t="s">
        <v>99</v>
      </c>
      <c r="D32" s="186">
        <v>16.8</v>
      </c>
      <c r="E32" s="187">
        <v>139.4</v>
      </c>
      <c r="F32" s="187">
        <v>128.5</v>
      </c>
      <c r="G32" s="188">
        <v>10.9</v>
      </c>
      <c r="H32" s="186">
        <v>17.600000000000001</v>
      </c>
      <c r="I32" s="187">
        <v>149.6</v>
      </c>
      <c r="J32" s="187">
        <v>136.1</v>
      </c>
      <c r="K32" s="188">
        <v>13.5</v>
      </c>
      <c r="L32" s="186">
        <v>15.6</v>
      </c>
      <c r="M32" s="187">
        <v>123.1</v>
      </c>
      <c r="N32" s="187">
        <v>116.4</v>
      </c>
      <c r="O32" s="188">
        <v>6.7</v>
      </c>
      <c r="P32" s="137" t="s">
        <v>54</v>
      </c>
    </row>
    <row r="33" spans="1:16" ht="13.5" customHeight="1" x14ac:dyDescent="0.15">
      <c r="A33" s="553"/>
      <c r="B33" s="132" t="s">
        <v>55</v>
      </c>
      <c r="C33" s="133" t="s">
        <v>100</v>
      </c>
      <c r="D33" s="189">
        <v>15.7</v>
      </c>
      <c r="E33" s="190">
        <v>128.80000000000001</v>
      </c>
      <c r="F33" s="190">
        <v>119.5</v>
      </c>
      <c r="G33" s="191">
        <v>9.3000000000000007</v>
      </c>
      <c r="H33" s="189">
        <v>15.8</v>
      </c>
      <c r="I33" s="190">
        <v>136.80000000000001</v>
      </c>
      <c r="J33" s="190">
        <v>124.8</v>
      </c>
      <c r="K33" s="191">
        <v>12</v>
      </c>
      <c r="L33" s="189">
        <v>15.5</v>
      </c>
      <c r="M33" s="190">
        <v>114.2</v>
      </c>
      <c r="N33" s="190">
        <v>109.8</v>
      </c>
      <c r="O33" s="191">
        <v>4.4000000000000004</v>
      </c>
      <c r="P33" s="132" t="s">
        <v>55</v>
      </c>
    </row>
    <row r="34" spans="1:16" ht="13.5" customHeight="1" x14ac:dyDescent="0.15">
      <c r="A34" s="553"/>
      <c r="B34" s="137" t="s">
        <v>56</v>
      </c>
      <c r="C34" s="142" t="s">
        <v>101</v>
      </c>
      <c r="D34" s="186">
        <v>17.600000000000001</v>
      </c>
      <c r="E34" s="187">
        <v>156.30000000000001</v>
      </c>
      <c r="F34" s="187">
        <v>138.19999999999999</v>
      </c>
      <c r="G34" s="188">
        <v>18.100000000000001</v>
      </c>
      <c r="H34" s="186">
        <v>17.7</v>
      </c>
      <c r="I34" s="187">
        <v>158.6</v>
      </c>
      <c r="J34" s="187">
        <v>139.4</v>
      </c>
      <c r="K34" s="188">
        <v>19.2</v>
      </c>
      <c r="L34" s="186">
        <v>17.100000000000001</v>
      </c>
      <c r="M34" s="187">
        <v>147.4</v>
      </c>
      <c r="N34" s="187">
        <v>133.5</v>
      </c>
      <c r="O34" s="188">
        <v>13.9</v>
      </c>
      <c r="P34" s="137" t="s">
        <v>56</v>
      </c>
    </row>
    <row r="35" spans="1:16" ht="13.5" customHeight="1" x14ac:dyDescent="0.15">
      <c r="A35" s="553"/>
      <c r="B35" s="132" t="s">
        <v>57</v>
      </c>
      <c r="C35" s="133" t="s">
        <v>102</v>
      </c>
      <c r="D35" s="189">
        <v>16.7</v>
      </c>
      <c r="E35" s="190">
        <v>145.30000000000001</v>
      </c>
      <c r="F35" s="190">
        <v>128.30000000000001</v>
      </c>
      <c r="G35" s="191">
        <v>17</v>
      </c>
      <c r="H35" s="189">
        <v>16.8</v>
      </c>
      <c r="I35" s="190">
        <v>148.69999999999999</v>
      </c>
      <c r="J35" s="190">
        <v>129.69999999999999</v>
      </c>
      <c r="K35" s="191">
        <v>19</v>
      </c>
      <c r="L35" s="189">
        <v>16.2</v>
      </c>
      <c r="M35" s="190">
        <v>129.69999999999999</v>
      </c>
      <c r="N35" s="190">
        <v>122</v>
      </c>
      <c r="O35" s="191">
        <v>7.7</v>
      </c>
      <c r="P35" s="132" t="s">
        <v>57</v>
      </c>
    </row>
    <row r="36" spans="1:16" ht="13.5" customHeight="1" x14ac:dyDescent="0.15">
      <c r="A36" s="553"/>
      <c r="B36" s="137" t="s">
        <v>58</v>
      </c>
      <c r="C36" s="142" t="s">
        <v>103</v>
      </c>
      <c r="D36" s="186">
        <v>17.600000000000001</v>
      </c>
      <c r="E36" s="187">
        <v>146.30000000000001</v>
      </c>
      <c r="F36" s="187">
        <v>132</v>
      </c>
      <c r="G36" s="188">
        <v>14.3</v>
      </c>
      <c r="H36" s="186">
        <v>17.5</v>
      </c>
      <c r="I36" s="187">
        <v>147.80000000000001</v>
      </c>
      <c r="J36" s="187">
        <v>131.6</v>
      </c>
      <c r="K36" s="188">
        <v>16.2</v>
      </c>
      <c r="L36" s="186">
        <v>18</v>
      </c>
      <c r="M36" s="187">
        <v>138</v>
      </c>
      <c r="N36" s="187">
        <v>133.9</v>
      </c>
      <c r="O36" s="188">
        <v>4.0999999999999996</v>
      </c>
      <c r="P36" s="137" t="s">
        <v>58</v>
      </c>
    </row>
    <row r="37" spans="1:16" ht="13.5" customHeight="1" x14ac:dyDescent="0.15">
      <c r="A37" s="553"/>
      <c r="B37" s="132" t="s">
        <v>59</v>
      </c>
      <c r="C37" s="133" t="s">
        <v>104</v>
      </c>
      <c r="D37" s="189">
        <v>17.100000000000001</v>
      </c>
      <c r="E37" s="190">
        <v>144</v>
      </c>
      <c r="F37" s="190">
        <v>131.6</v>
      </c>
      <c r="G37" s="191">
        <v>12.4</v>
      </c>
      <c r="H37" s="189">
        <v>17.100000000000001</v>
      </c>
      <c r="I37" s="190">
        <v>145.19999999999999</v>
      </c>
      <c r="J37" s="190">
        <v>132.5</v>
      </c>
      <c r="K37" s="191">
        <v>12.7</v>
      </c>
      <c r="L37" s="189">
        <v>16.7</v>
      </c>
      <c r="M37" s="190">
        <v>136.5</v>
      </c>
      <c r="N37" s="190">
        <v>126</v>
      </c>
      <c r="O37" s="191">
        <v>10.5</v>
      </c>
      <c r="P37" s="132" t="s">
        <v>59</v>
      </c>
    </row>
    <row r="38" spans="1:16" ht="13.5" customHeight="1" x14ac:dyDescent="0.15">
      <c r="A38" s="553"/>
      <c r="B38" s="137" t="s">
        <v>60</v>
      </c>
      <c r="C38" s="142" t="s">
        <v>105</v>
      </c>
      <c r="D38" s="186">
        <v>15.5</v>
      </c>
      <c r="E38" s="187">
        <v>129.69999999999999</v>
      </c>
      <c r="F38" s="187">
        <v>121.9</v>
      </c>
      <c r="G38" s="188">
        <v>7.8</v>
      </c>
      <c r="H38" s="186">
        <v>15.8</v>
      </c>
      <c r="I38" s="187">
        <v>133.9</v>
      </c>
      <c r="J38" s="187">
        <v>124.9</v>
      </c>
      <c r="K38" s="188">
        <v>9</v>
      </c>
      <c r="L38" s="186">
        <v>14.5</v>
      </c>
      <c r="M38" s="187">
        <v>117.8</v>
      </c>
      <c r="N38" s="187">
        <v>113.4</v>
      </c>
      <c r="O38" s="188">
        <v>4.4000000000000004</v>
      </c>
      <c r="P38" s="137" t="s">
        <v>60</v>
      </c>
    </row>
    <row r="39" spans="1:16" ht="13.5" customHeight="1" x14ac:dyDescent="0.15">
      <c r="A39" s="553"/>
      <c r="B39" s="132" t="s">
        <v>61</v>
      </c>
      <c r="C39" s="133" t="s">
        <v>106</v>
      </c>
      <c r="D39" s="189">
        <v>17.8</v>
      </c>
      <c r="E39" s="190">
        <v>145.1</v>
      </c>
      <c r="F39" s="190">
        <v>138.80000000000001</v>
      </c>
      <c r="G39" s="191">
        <v>6.3</v>
      </c>
      <c r="H39" s="189">
        <v>17.899999999999999</v>
      </c>
      <c r="I39" s="190">
        <v>146.1</v>
      </c>
      <c r="J39" s="190">
        <v>139.5</v>
      </c>
      <c r="K39" s="191">
        <v>6.6</v>
      </c>
      <c r="L39" s="189">
        <v>17.3</v>
      </c>
      <c r="M39" s="190">
        <v>140.4</v>
      </c>
      <c r="N39" s="190">
        <v>135.4</v>
      </c>
      <c r="O39" s="191">
        <v>5</v>
      </c>
      <c r="P39" s="132" t="s">
        <v>61</v>
      </c>
    </row>
    <row r="40" spans="1:16" ht="13.5" customHeight="1" x14ac:dyDescent="0.15">
      <c r="A40" s="553"/>
      <c r="B40" s="137" t="s">
        <v>62</v>
      </c>
      <c r="C40" s="142" t="s">
        <v>107</v>
      </c>
      <c r="D40" s="186">
        <v>17.2</v>
      </c>
      <c r="E40" s="187">
        <v>145</v>
      </c>
      <c r="F40" s="187">
        <v>134.4</v>
      </c>
      <c r="G40" s="188">
        <v>10.6</v>
      </c>
      <c r="H40" s="186">
        <v>17.3</v>
      </c>
      <c r="I40" s="187">
        <v>147.19999999999999</v>
      </c>
      <c r="J40" s="187">
        <v>135.69999999999999</v>
      </c>
      <c r="K40" s="188">
        <v>11.5</v>
      </c>
      <c r="L40" s="186">
        <v>16.8</v>
      </c>
      <c r="M40" s="187">
        <v>131.5</v>
      </c>
      <c r="N40" s="187">
        <v>126.6</v>
      </c>
      <c r="O40" s="188">
        <v>4.9000000000000004</v>
      </c>
      <c r="P40" s="137" t="s">
        <v>62</v>
      </c>
    </row>
    <row r="41" spans="1:16" ht="13.5" customHeight="1" x14ac:dyDescent="0.15">
      <c r="A41" s="553"/>
      <c r="B41" s="132" t="s">
        <v>63</v>
      </c>
      <c r="C41" s="133" t="s">
        <v>108</v>
      </c>
      <c r="D41" s="189">
        <v>16.8</v>
      </c>
      <c r="E41" s="190">
        <v>145.6</v>
      </c>
      <c r="F41" s="190">
        <v>126.9</v>
      </c>
      <c r="G41" s="191">
        <v>18.7</v>
      </c>
      <c r="H41" s="189">
        <v>17.100000000000001</v>
      </c>
      <c r="I41" s="190">
        <v>150.80000000000001</v>
      </c>
      <c r="J41" s="190">
        <v>130</v>
      </c>
      <c r="K41" s="191">
        <v>20.8</v>
      </c>
      <c r="L41" s="189">
        <v>15.6</v>
      </c>
      <c r="M41" s="190">
        <v>123.1</v>
      </c>
      <c r="N41" s="190">
        <v>113.6</v>
      </c>
      <c r="O41" s="191">
        <v>9.5</v>
      </c>
      <c r="P41" s="132" t="s">
        <v>63</v>
      </c>
    </row>
    <row r="42" spans="1:16" ht="13.5" customHeight="1" x14ac:dyDescent="0.15">
      <c r="A42" s="553"/>
      <c r="B42" s="137" t="s">
        <v>64</v>
      </c>
      <c r="C42" s="142" t="s">
        <v>109</v>
      </c>
      <c r="D42" s="186">
        <v>17.600000000000001</v>
      </c>
      <c r="E42" s="187">
        <v>161.1</v>
      </c>
      <c r="F42" s="187">
        <v>134.19999999999999</v>
      </c>
      <c r="G42" s="188">
        <v>26.9</v>
      </c>
      <c r="H42" s="186">
        <v>17.600000000000001</v>
      </c>
      <c r="I42" s="187">
        <v>164.8</v>
      </c>
      <c r="J42" s="187">
        <v>134.19999999999999</v>
      </c>
      <c r="K42" s="188">
        <v>30.6</v>
      </c>
      <c r="L42" s="186">
        <v>17.600000000000001</v>
      </c>
      <c r="M42" s="187">
        <v>147</v>
      </c>
      <c r="N42" s="187">
        <v>134.4</v>
      </c>
      <c r="O42" s="188">
        <v>12.6</v>
      </c>
      <c r="P42" s="137" t="s">
        <v>64</v>
      </c>
    </row>
    <row r="43" spans="1:16" ht="13.5" customHeight="1" x14ac:dyDescent="0.15">
      <c r="A43" s="553"/>
      <c r="B43" s="132" t="s">
        <v>65</v>
      </c>
      <c r="C43" s="133" t="s">
        <v>110</v>
      </c>
      <c r="D43" s="189">
        <v>16.8</v>
      </c>
      <c r="E43" s="190">
        <v>138.1</v>
      </c>
      <c r="F43" s="190">
        <v>127.3</v>
      </c>
      <c r="G43" s="191">
        <v>10.8</v>
      </c>
      <c r="H43" s="189">
        <v>17.100000000000001</v>
      </c>
      <c r="I43" s="190">
        <v>145.1</v>
      </c>
      <c r="J43" s="190">
        <v>132.6</v>
      </c>
      <c r="K43" s="191">
        <v>12.5</v>
      </c>
      <c r="L43" s="189">
        <v>16.100000000000001</v>
      </c>
      <c r="M43" s="190">
        <v>121.2</v>
      </c>
      <c r="N43" s="190">
        <v>114.6</v>
      </c>
      <c r="O43" s="191">
        <v>6.6</v>
      </c>
      <c r="P43" s="132" t="s">
        <v>65</v>
      </c>
    </row>
    <row r="44" spans="1:16" ht="13.5" customHeight="1" x14ac:dyDescent="0.15">
      <c r="A44" s="553"/>
      <c r="B44" s="137" t="s">
        <v>66</v>
      </c>
      <c r="C44" s="142" t="s">
        <v>111</v>
      </c>
      <c r="D44" s="186">
        <v>17.899999999999999</v>
      </c>
      <c r="E44" s="187">
        <v>150.4</v>
      </c>
      <c r="F44" s="187">
        <v>133.9</v>
      </c>
      <c r="G44" s="188">
        <v>16.5</v>
      </c>
      <c r="H44" s="186">
        <v>18.100000000000001</v>
      </c>
      <c r="I44" s="187">
        <v>152.5</v>
      </c>
      <c r="J44" s="187">
        <v>134.9</v>
      </c>
      <c r="K44" s="188">
        <v>17.600000000000001</v>
      </c>
      <c r="L44" s="186">
        <v>17.399999999999999</v>
      </c>
      <c r="M44" s="187">
        <v>139.80000000000001</v>
      </c>
      <c r="N44" s="187">
        <v>129</v>
      </c>
      <c r="O44" s="188">
        <v>10.8</v>
      </c>
      <c r="P44" s="137" t="s">
        <v>66</v>
      </c>
    </row>
    <row r="45" spans="1:16" ht="13.5" customHeight="1" x14ac:dyDescent="0.15">
      <c r="A45" s="553"/>
      <c r="B45" s="132" t="s">
        <v>67</v>
      </c>
      <c r="C45" s="133" t="s">
        <v>112</v>
      </c>
      <c r="D45" s="189">
        <v>17.600000000000001</v>
      </c>
      <c r="E45" s="190">
        <v>154.4</v>
      </c>
      <c r="F45" s="190">
        <v>137.6</v>
      </c>
      <c r="G45" s="191">
        <v>16.8</v>
      </c>
      <c r="H45" s="189">
        <v>17.8</v>
      </c>
      <c r="I45" s="190">
        <v>158.30000000000001</v>
      </c>
      <c r="J45" s="190">
        <v>140.1</v>
      </c>
      <c r="K45" s="191">
        <v>18.2</v>
      </c>
      <c r="L45" s="189">
        <v>16.399999999999999</v>
      </c>
      <c r="M45" s="190">
        <v>130.5</v>
      </c>
      <c r="N45" s="190">
        <v>122.1</v>
      </c>
      <c r="O45" s="191">
        <v>8.4</v>
      </c>
      <c r="P45" s="132" t="s">
        <v>67</v>
      </c>
    </row>
    <row r="46" spans="1:16" ht="6.75" customHeight="1" x14ac:dyDescent="0.15">
      <c r="A46" s="553"/>
      <c r="B46" s="2"/>
      <c r="C46" s="142"/>
      <c r="D46" s="3"/>
      <c r="E46" s="187"/>
      <c r="F46" s="187"/>
      <c r="G46" s="188"/>
      <c r="I46" s="187"/>
      <c r="J46" s="187"/>
      <c r="K46" s="188"/>
      <c r="M46" s="187"/>
      <c r="N46" s="187"/>
      <c r="O46" s="188"/>
      <c r="P46" s="2"/>
    </row>
    <row r="47" spans="1:16" ht="13.5" customHeight="1" x14ac:dyDescent="0.15">
      <c r="A47" s="553"/>
      <c r="B47" s="137" t="s">
        <v>113</v>
      </c>
      <c r="C47" s="142" t="s">
        <v>114</v>
      </c>
      <c r="D47" s="186">
        <v>17.3</v>
      </c>
      <c r="E47" s="187">
        <v>120.4</v>
      </c>
      <c r="F47" s="187">
        <v>116.6</v>
      </c>
      <c r="G47" s="188">
        <v>3.8</v>
      </c>
      <c r="H47" s="186">
        <v>17.600000000000001</v>
      </c>
      <c r="I47" s="187">
        <v>123.3</v>
      </c>
      <c r="J47" s="187">
        <v>118.8</v>
      </c>
      <c r="K47" s="188">
        <v>4.5</v>
      </c>
      <c r="L47" s="186">
        <v>16.899999999999999</v>
      </c>
      <c r="M47" s="187">
        <v>116</v>
      </c>
      <c r="N47" s="187">
        <v>113.3</v>
      </c>
      <c r="O47" s="188">
        <v>2.7</v>
      </c>
      <c r="P47" s="137" t="s">
        <v>113</v>
      </c>
    </row>
    <row r="48" spans="1:16" ht="13.5" customHeight="1" thickBot="1" x14ac:dyDescent="0.2">
      <c r="A48" s="553"/>
      <c r="B48" s="152" t="s">
        <v>68</v>
      </c>
      <c r="C48" s="153" t="s">
        <v>115</v>
      </c>
      <c r="D48" s="198">
        <v>15.6</v>
      </c>
      <c r="E48" s="199">
        <v>124.5</v>
      </c>
      <c r="F48" s="199">
        <v>117.3</v>
      </c>
      <c r="G48" s="200">
        <v>7.2</v>
      </c>
      <c r="H48" s="198">
        <v>15.9</v>
      </c>
      <c r="I48" s="199">
        <v>133.69999999999999</v>
      </c>
      <c r="J48" s="199">
        <v>124.6</v>
      </c>
      <c r="K48" s="200">
        <v>9.1</v>
      </c>
      <c r="L48" s="198">
        <v>15.5</v>
      </c>
      <c r="M48" s="199">
        <v>121.1</v>
      </c>
      <c r="N48" s="199">
        <v>114.6</v>
      </c>
      <c r="O48" s="200">
        <v>6.5</v>
      </c>
      <c r="P48" s="152" t="s">
        <v>68</v>
      </c>
    </row>
    <row r="49" ht="14.25" customHeight="1" x14ac:dyDescent="0.15"/>
  </sheetData>
  <mergeCells count="15">
    <mergeCell ref="A1:A48"/>
    <mergeCell ref="B1:P1"/>
    <mergeCell ref="B2:G2"/>
    <mergeCell ref="N2:P2"/>
    <mergeCell ref="B3:C8"/>
    <mergeCell ref="E3:F4"/>
    <mergeCell ref="I3:J4"/>
    <mergeCell ref="M3:N4"/>
    <mergeCell ref="P3:P7"/>
    <mergeCell ref="D5:D8"/>
    <mergeCell ref="E5:F6"/>
    <mergeCell ref="H5:H8"/>
    <mergeCell ref="I5:J6"/>
    <mergeCell ref="L5:L8"/>
    <mergeCell ref="M5:N6"/>
  </mergeCells>
  <phoneticPr fontId="3"/>
  <printOptions horizontalCentered="1"/>
  <pageMargins left="0.59055118110236227" right="0.59055118110236227" top="0.39370078740157483" bottom="0.59055118110236227" header="0" footer="0.19685039370078741"/>
  <pageSetup paperSize="9" scale="85" orientation="landscape" errors="blank"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431B8E0-4E51-46A2-B892-79D0A54ABCA3}">
  <sheetPr codeName="Sheet11">
    <tabColor indexed="52"/>
    <pageSetUpPr fitToPage="1"/>
  </sheetPr>
  <dimension ref="A1:P49"/>
  <sheetViews>
    <sheetView view="pageBreakPreview" zoomScaleNormal="80" zoomScaleSheetLayoutView="100" workbookViewId="0">
      <selection sqref="A1:A48"/>
    </sheetView>
  </sheetViews>
  <sheetFormatPr defaultColWidth="9" defaultRowHeight="13.5" x14ac:dyDescent="0.15"/>
  <cols>
    <col min="1" max="1" width="5" style="3" customWidth="1"/>
    <col min="2" max="2" width="6.625" style="201" customWidth="1"/>
    <col min="3" max="3" width="23.75" style="3" customWidth="1"/>
    <col min="4" max="4" width="8.625" style="202" customWidth="1"/>
    <col min="5" max="15" width="8.625" style="3" customWidth="1"/>
    <col min="16" max="16" width="6.625" style="3" customWidth="1"/>
    <col min="17" max="16384" width="9" style="3"/>
  </cols>
  <sheetData>
    <row r="1" spans="1:16" ht="22.5" customHeight="1" x14ac:dyDescent="0.15">
      <c r="A1" s="553" t="s">
        <v>127</v>
      </c>
      <c r="B1" s="491" t="s">
        <v>128</v>
      </c>
      <c r="C1" s="560"/>
      <c r="D1" s="560"/>
      <c r="E1" s="560"/>
      <c r="F1" s="560"/>
      <c r="G1" s="560"/>
      <c r="H1" s="560"/>
      <c r="I1" s="560"/>
      <c r="J1" s="560"/>
      <c r="K1" s="560"/>
      <c r="L1" s="560"/>
      <c r="M1" s="560"/>
      <c r="N1" s="560"/>
      <c r="O1" s="560"/>
      <c r="P1" s="560"/>
    </row>
    <row r="2" spans="1:16" ht="11.25" customHeight="1" thickBot="1" x14ac:dyDescent="0.2">
      <c r="A2" s="553"/>
      <c r="B2" s="554" t="s">
        <v>118</v>
      </c>
      <c r="C2" s="554"/>
      <c r="D2" s="554"/>
      <c r="E2" s="554"/>
      <c r="F2" s="554"/>
      <c r="G2" s="554"/>
      <c r="N2" s="555" t="s">
        <v>121</v>
      </c>
      <c r="O2" s="555"/>
      <c r="P2" s="555"/>
    </row>
    <row r="3" spans="1:16" ht="8.25" customHeight="1" x14ac:dyDescent="0.15">
      <c r="A3" s="553"/>
      <c r="B3" s="493" t="s">
        <v>72</v>
      </c>
      <c r="C3" s="520"/>
      <c r="D3" s="169"/>
      <c r="E3" s="493" t="s">
        <v>73</v>
      </c>
      <c r="F3" s="562"/>
      <c r="G3" s="170"/>
      <c r="H3" s="171"/>
      <c r="I3" s="558" t="s">
        <v>74</v>
      </c>
      <c r="J3" s="564"/>
      <c r="K3" s="170"/>
      <c r="L3" s="171"/>
      <c r="M3" s="558" t="s">
        <v>75</v>
      </c>
      <c r="N3" s="558"/>
      <c r="O3" s="172"/>
      <c r="P3" s="492" t="s">
        <v>76</v>
      </c>
    </row>
    <row r="4" spans="1:16" ht="8.25" customHeight="1" x14ac:dyDescent="0.15">
      <c r="A4" s="553"/>
      <c r="B4" s="495"/>
      <c r="C4" s="521"/>
      <c r="D4" s="173"/>
      <c r="E4" s="563"/>
      <c r="F4" s="563"/>
      <c r="G4" s="174"/>
      <c r="H4" s="175"/>
      <c r="I4" s="565"/>
      <c r="J4" s="565"/>
      <c r="K4" s="176"/>
      <c r="L4" s="175"/>
      <c r="M4" s="559"/>
      <c r="N4" s="559"/>
      <c r="O4" s="177"/>
      <c r="P4" s="494"/>
    </row>
    <row r="5" spans="1:16" ht="8.25" customHeight="1" x14ac:dyDescent="0.15">
      <c r="A5" s="553"/>
      <c r="B5" s="495"/>
      <c r="C5" s="521"/>
      <c r="D5" s="566" t="s">
        <v>18</v>
      </c>
      <c r="E5" s="569" t="s">
        <v>122</v>
      </c>
      <c r="F5" s="570"/>
      <c r="G5" s="178"/>
      <c r="H5" s="566" t="s">
        <v>18</v>
      </c>
      <c r="I5" s="569" t="s">
        <v>123</v>
      </c>
      <c r="J5" s="570"/>
      <c r="K5" s="178"/>
      <c r="L5" s="566" t="s">
        <v>18</v>
      </c>
      <c r="M5" s="569" t="s">
        <v>123</v>
      </c>
      <c r="N5" s="570"/>
      <c r="O5" s="178"/>
      <c r="P5" s="494"/>
    </row>
    <row r="6" spans="1:16" ht="8.25" customHeight="1" x14ac:dyDescent="0.15">
      <c r="A6" s="553"/>
      <c r="B6" s="495"/>
      <c r="C6" s="521"/>
      <c r="D6" s="567"/>
      <c r="E6" s="571"/>
      <c r="F6" s="572"/>
      <c r="G6" s="174"/>
      <c r="H6" s="567"/>
      <c r="I6" s="571"/>
      <c r="J6" s="572"/>
      <c r="K6" s="174"/>
      <c r="L6" s="567"/>
      <c r="M6" s="571"/>
      <c r="N6" s="572"/>
      <c r="O6" s="179"/>
      <c r="P6" s="494"/>
    </row>
    <row r="7" spans="1:16" ht="10.5" customHeight="1" x14ac:dyDescent="0.15">
      <c r="A7" s="553"/>
      <c r="B7" s="495"/>
      <c r="C7" s="521"/>
      <c r="D7" s="567"/>
      <c r="E7" s="180"/>
      <c r="F7" s="181" t="s">
        <v>124</v>
      </c>
      <c r="G7" s="182" t="s">
        <v>125</v>
      </c>
      <c r="H7" s="567"/>
      <c r="I7" s="180"/>
      <c r="J7" s="181" t="s">
        <v>124</v>
      </c>
      <c r="K7" s="182" t="s">
        <v>125</v>
      </c>
      <c r="L7" s="567"/>
      <c r="M7" s="180"/>
      <c r="N7" s="181" t="s">
        <v>124</v>
      </c>
      <c r="O7" s="182" t="s">
        <v>125</v>
      </c>
      <c r="P7" s="494"/>
    </row>
    <row r="8" spans="1:16" ht="10.5" customHeight="1" x14ac:dyDescent="0.15">
      <c r="A8" s="553"/>
      <c r="B8" s="522"/>
      <c r="C8" s="523"/>
      <c r="D8" s="568"/>
      <c r="E8" s="180"/>
      <c r="F8" s="180" t="s">
        <v>126</v>
      </c>
      <c r="G8" s="182" t="s">
        <v>126</v>
      </c>
      <c r="H8" s="568"/>
      <c r="I8" s="180"/>
      <c r="J8" s="180" t="s">
        <v>126</v>
      </c>
      <c r="K8" s="182" t="s">
        <v>126</v>
      </c>
      <c r="L8" s="568"/>
      <c r="M8" s="180"/>
      <c r="N8" s="180" t="s">
        <v>126</v>
      </c>
      <c r="O8" s="182" t="s">
        <v>126</v>
      </c>
      <c r="P8" s="175"/>
    </row>
    <row r="9" spans="1:16" ht="13.5" customHeight="1" x14ac:dyDescent="0.15">
      <c r="A9" s="553"/>
      <c r="B9" s="132" t="s">
        <v>33</v>
      </c>
      <c r="C9" s="133" t="s">
        <v>78</v>
      </c>
      <c r="D9" s="203">
        <v>16.7</v>
      </c>
      <c r="E9" s="204">
        <v>132.9</v>
      </c>
      <c r="F9" s="204">
        <v>121.1</v>
      </c>
      <c r="G9" s="205">
        <v>11.8</v>
      </c>
      <c r="H9" s="203">
        <v>17.399999999999999</v>
      </c>
      <c r="I9" s="204">
        <v>144.9</v>
      </c>
      <c r="J9" s="204">
        <v>129.80000000000001</v>
      </c>
      <c r="K9" s="205">
        <v>15.1</v>
      </c>
      <c r="L9" s="203">
        <v>15.7</v>
      </c>
      <c r="M9" s="204">
        <v>117.2</v>
      </c>
      <c r="N9" s="204">
        <v>109.8</v>
      </c>
      <c r="O9" s="205">
        <v>7.4</v>
      </c>
      <c r="P9" s="132" t="s">
        <v>33</v>
      </c>
    </row>
    <row r="10" spans="1:16" ht="6.75" customHeight="1" x14ac:dyDescent="0.15">
      <c r="A10" s="553"/>
      <c r="B10" s="137"/>
      <c r="C10" s="138"/>
      <c r="D10" s="195"/>
      <c r="E10" s="196"/>
      <c r="F10" s="196"/>
      <c r="G10" s="197"/>
      <c r="H10" s="195"/>
      <c r="I10" s="196"/>
      <c r="J10" s="196"/>
      <c r="K10" s="197"/>
      <c r="L10" s="195"/>
      <c r="M10" s="196"/>
      <c r="N10" s="196"/>
      <c r="O10" s="197"/>
      <c r="P10" s="137"/>
    </row>
    <row r="11" spans="1:16" ht="13.5" customHeight="1" x14ac:dyDescent="0.15">
      <c r="A11" s="553"/>
      <c r="B11" s="137" t="s">
        <v>34</v>
      </c>
      <c r="C11" s="142" t="s">
        <v>79</v>
      </c>
      <c r="D11" s="195">
        <v>19</v>
      </c>
      <c r="E11" s="196">
        <v>157.9</v>
      </c>
      <c r="F11" s="196">
        <v>139.19999999999999</v>
      </c>
      <c r="G11" s="197">
        <v>18.7</v>
      </c>
      <c r="H11" s="195">
        <v>19.100000000000001</v>
      </c>
      <c r="I11" s="196">
        <v>159.1</v>
      </c>
      <c r="J11" s="196">
        <v>139.30000000000001</v>
      </c>
      <c r="K11" s="197">
        <v>19.8</v>
      </c>
      <c r="L11" s="195">
        <v>18.100000000000001</v>
      </c>
      <c r="M11" s="196">
        <v>151.9</v>
      </c>
      <c r="N11" s="196">
        <v>138.5</v>
      </c>
      <c r="O11" s="197">
        <v>13.4</v>
      </c>
      <c r="P11" s="137" t="s">
        <v>34</v>
      </c>
    </row>
    <row r="12" spans="1:16" ht="13.5" customHeight="1" x14ac:dyDescent="0.15">
      <c r="A12" s="553"/>
      <c r="B12" s="132" t="s">
        <v>35</v>
      </c>
      <c r="C12" s="133" t="s">
        <v>80</v>
      </c>
      <c r="D12" s="192">
        <v>17.2</v>
      </c>
      <c r="E12" s="193">
        <v>145</v>
      </c>
      <c r="F12" s="193">
        <v>131</v>
      </c>
      <c r="G12" s="194">
        <v>14</v>
      </c>
      <c r="H12" s="192">
        <v>17.5</v>
      </c>
      <c r="I12" s="193">
        <v>150.80000000000001</v>
      </c>
      <c r="J12" s="193">
        <v>134.69999999999999</v>
      </c>
      <c r="K12" s="194">
        <v>16.100000000000001</v>
      </c>
      <c r="L12" s="192">
        <v>16.399999999999999</v>
      </c>
      <c r="M12" s="193">
        <v>128.4</v>
      </c>
      <c r="N12" s="193">
        <v>120.3</v>
      </c>
      <c r="O12" s="194">
        <v>8.1</v>
      </c>
      <c r="P12" s="132" t="s">
        <v>35</v>
      </c>
    </row>
    <row r="13" spans="1:16" ht="13.5" customHeight="1" x14ac:dyDescent="0.15">
      <c r="A13" s="553"/>
      <c r="B13" s="137" t="s">
        <v>36</v>
      </c>
      <c r="C13" s="142" t="s">
        <v>81</v>
      </c>
      <c r="D13" s="195">
        <v>16.7</v>
      </c>
      <c r="E13" s="196">
        <v>138.6</v>
      </c>
      <c r="F13" s="196">
        <v>125.4</v>
      </c>
      <c r="G13" s="197">
        <v>13.2</v>
      </c>
      <c r="H13" s="195">
        <v>16.7</v>
      </c>
      <c r="I13" s="196">
        <v>140.9</v>
      </c>
      <c r="J13" s="196">
        <v>126.4</v>
      </c>
      <c r="K13" s="197">
        <v>14.5</v>
      </c>
      <c r="L13" s="195">
        <v>16.2</v>
      </c>
      <c r="M13" s="196">
        <v>126.4</v>
      </c>
      <c r="N13" s="196">
        <v>120.1</v>
      </c>
      <c r="O13" s="197">
        <v>6.3</v>
      </c>
      <c r="P13" s="137" t="s">
        <v>36</v>
      </c>
    </row>
    <row r="14" spans="1:16" ht="13.5" customHeight="1" x14ac:dyDescent="0.15">
      <c r="A14" s="553"/>
      <c r="B14" s="132" t="s">
        <v>37</v>
      </c>
      <c r="C14" s="133" t="s">
        <v>82</v>
      </c>
      <c r="D14" s="192">
        <v>17.899999999999999</v>
      </c>
      <c r="E14" s="193">
        <v>153.9</v>
      </c>
      <c r="F14" s="193">
        <v>137.30000000000001</v>
      </c>
      <c r="G14" s="194">
        <v>16.600000000000001</v>
      </c>
      <c r="H14" s="192">
        <v>18</v>
      </c>
      <c r="I14" s="193">
        <v>156.6</v>
      </c>
      <c r="J14" s="193">
        <v>139.4</v>
      </c>
      <c r="K14" s="194">
        <v>17.2</v>
      </c>
      <c r="L14" s="192">
        <v>17.5</v>
      </c>
      <c r="M14" s="193">
        <v>145.30000000000001</v>
      </c>
      <c r="N14" s="193">
        <v>130.5</v>
      </c>
      <c r="O14" s="194">
        <v>14.8</v>
      </c>
      <c r="P14" s="132" t="s">
        <v>37</v>
      </c>
    </row>
    <row r="15" spans="1:16" ht="13.5" customHeight="1" x14ac:dyDescent="0.15">
      <c r="A15" s="553"/>
      <c r="B15" s="137" t="s">
        <v>38</v>
      </c>
      <c r="C15" s="142" t="s">
        <v>83</v>
      </c>
      <c r="D15" s="195">
        <v>17.7</v>
      </c>
      <c r="E15" s="196">
        <v>141.6</v>
      </c>
      <c r="F15" s="196">
        <v>127.8</v>
      </c>
      <c r="G15" s="197">
        <v>13.8</v>
      </c>
      <c r="H15" s="195">
        <v>18.2</v>
      </c>
      <c r="I15" s="196">
        <v>149.5</v>
      </c>
      <c r="J15" s="196">
        <v>133.69999999999999</v>
      </c>
      <c r="K15" s="197">
        <v>15.8</v>
      </c>
      <c r="L15" s="195">
        <v>16.3</v>
      </c>
      <c r="M15" s="196">
        <v>123.6</v>
      </c>
      <c r="N15" s="196">
        <v>114.2</v>
      </c>
      <c r="O15" s="197">
        <v>9.4</v>
      </c>
      <c r="P15" s="137" t="s">
        <v>38</v>
      </c>
    </row>
    <row r="16" spans="1:16" ht="13.5" customHeight="1" x14ac:dyDescent="0.15">
      <c r="A16" s="553"/>
      <c r="B16" s="132" t="s">
        <v>39</v>
      </c>
      <c r="C16" s="133" t="s">
        <v>84</v>
      </c>
      <c r="D16" s="192">
        <v>16.399999999999999</v>
      </c>
      <c r="E16" s="193">
        <v>118.7</v>
      </c>
      <c r="F16" s="193">
        <v>110.3</v>
      </c>
      <c r="G16" s="194">
        <v>8.4</v>
      </c>
      <c r="H16" s="192">
        <v>17.399999999999999</v>
      </c>
      <c r="I16" s="193">
        <v>138.4</v>
      </c>
      <c r="J16" s="193">
        <v>125.1</v>
      </c>
      <c r="K16" s="194">
        <v>13.3</v>
      </c>
      <c r="L16" s="192">
        <v>15.6</v>
      </c>
      <c r="M16" s="193">
        <v>102.7</v>
      </c>
      <c r="N16" s="193">
        <v>98.2</v>
      </c>
      <c r="O16" s="194">
        <v>4.5</v>
      </c>
      <c r="P16" s="132" t="s">
        <v>39</v>
      </c>
    </row>
    <row r="17" spans="1:16" ht="13.5" customHeight="1" x14ac:dyDescent="0.15">
      <c r="A17" s="553"/>
      <c r="B17" s="137" t="s">
        <v>40</v>
      </c>
      <c r="C17" s="142" t="s">
        <v>85</v>
      </c>
      <c r="D17" s="195">
        <v>17.2</v>
      </c>
      <c r="E17" s="196">
        <v>138.19999999999999</v>
      </c>
      <c r="F17" s="196">
        <v>123.1</v>
      </c>
      <c r="G17" s="197">
        <v>15.1</v>
      </c>
      <c r="H17" s="195">
        <v>18.100000000000001</v>
      </c>
      <c r="I17" s="196">
        <v>156.80000000000001</v>
      </c>
      <c r="J17" s="196">
        <v>134.9</v>
      </c>
      <c r="K17" s="197">
        <v>21.9</v>
      </c>
      <c r="L17" s="195">
        <v>16.5</v>
      </c>
      <c r="M17" s="196">
        <v>124.2</v>
      </c>
      <c r="N17" s="196">
        <v>114.2</v>
      </c>
      <c r="O17" s="197">
        <v>10</v>
      </c>
      <c r="P17" s="137" t="s">
        <v>40</v>
      </c>
    </row>
    <row r="18" spans="1:16" ht="13.5" customHeight="1" x14ac:dyDescent="0.15">
      <c r="A18" s="553"/>
      <c r="B18" s="132" t="s">
        <v>41</v>
      </c>
      <c r="C18" s="133" t="s">
        <v>86</v>
      </c>
      <c r="D18" s="192">
        <v>16.8</v>
      </c>
      <c r="E18" s="193">
        <v>126.8</v>
      </c>
      <c r="F18" s="193">
        <v>117.1</v>
      </c>
      <c r="G18" s="194">
        <v>9.6999999999999993</v>
      </c>
      <c r="H18" s="192">
        <v>17</v>
      </c>
      <c r="I18" s="193">
        <v>130.4</v>
      </c>
      <c r="J18" s="193">
        <v>119.7</v>
      </c>
      <c r="K18" s="194">
        <v>10.7</v>
      </c>
      <c r="L18" s="192">
        <v>16.3</v>
      </c>
      <c r="M18" s="193">
        <v>118.5</v>
      </c>
      <c r="N18" s="193">
        <v>110.9</v>
      </c>
      <c r="O18" s="194">
        <v>7.6</v>
      </c>
      <c r="P18" s="132" t="s">
        <v>41</v>
      </c>
    </row>
    <row r="19" spans="1:16" ht="13.5" customHeight="1" x14ac:dyDescent="0.15">
      <c r="A19" s="553"/>
      <c r="B19" s="137" t="s">
        <v>42</v>
      </c>
      <c r="C19" s="142" t="s">
        <v>87</v>
      </c>
      <c r="D19" s="195">
        <v>18</v>
      </c>
      <c r="E19" s="196">
        <v>153.6</v>
      </c>
      <c r="F19" s="196">
        <v>137.69999999999999</v>
      </c>
      <c r="G19" s="197">
        <v>15.9</v>
      </c>
      <c r="H19" s="195">
        <v>18.2</v>
      </c>
      <c r="I19" s="196">
        <v>158.1</v>
      </c>
      <c r="J19" s="196">
        <v>139.9</v>
      </c>
      <c r="K19" s="197">
        <v>18.2</v>
      </c>
      <c r="L19" s="195">
        <v>17.3</v>
      </c>
      <c r="M19" s="196">
        <v>139.80000000000001</v>
      </c>
      <c r="N19" s="196">
        <v>130.9</v>
      </c>
      <c r="O19" s="197">
        <v>8.9</v>
      </c>
      <c r="P19" s="137" t="s">
        <v>42</v>
      </c>
    </row>
    <row r="20" spans="1:16" ht="13.5" customHeight="1" x14ac:dyDescent="0.15">
      <c r="A20" s="553"/>
      <c r="B20" s="132" t="s">
        <v>43</v>
      </c>
      <c r="C20" s="133" t="s">
        <v>88</v>
      </c>
      <c r="D20" s="192">
        <v>14.2</v>
      </c>
      <c r="E20" s="193">
        <v>95.6</v>
      </c>
      <c r="F20" s="193">
        <v>89.4</v>
      </c>
      <c r="G20" s="194">
        <v>6.2</v>
      </c>
      <c r="H20" s="192">
        <v>14.8</v>
      </c>
      <c r="I20" s="193">
        <v>109.7</v>
      </c>
      <c r="J20" s="193">
        <v>100.6</v>
      </c>
      <c r="K20" s="194">
        <v>9.1</v>
      </c>
      <c r="L20" s="192">
        <v>13.7</v>
      </c>
      <c r="M20" s="193">
        <v>85.6</v>
      </c>
      <c r="N20" s="193">
        <v>81.400000000000006</v>
      </c>
      <c r="O20" s="194">
        <v>4.2</v>
      </c>
      <c r="P20" s="132" t="s">
        <v>43</v>
      </c>
    </row>
    <row r="21" spans="1:16" ht="13.5" customHeight="1" x14ac:dyDescent="0.15">
      <c r="A21" s="553"/>
      <c r="B21" s="137" t="s">
        <v>44</v>
      </c>
      <c r="C21" s="142" t="s">
        <v>89</v>
      </c>
      <c r="D21" s="195">
        <v>15.4</v>
      </c>
      <c r="E21" s="196">
        <v>115.3</v>
      </c>
      <c r="F21" s="196">
        <v>106.2</v>
      </c>
      <c r="G21" s="197">
        <v>9.1</v>
      </c>
      <c r="H21" s="195">
        <v>16.3</v>
      </c>
      <c r="I21" s="196">
        <v>128.1</v>
      </c>
      <c r="J21" s="196">
        <v>116.6</v>
      </c>
      <c r="K21" s="197">
        <v>11.5</v>
      </c>
      <c r="L21" s="195">
        <v>14.8</v>
      </c>
      <c r="M21" s="196">
        <v>107.2</v>
      </c>
      <c r="N21" s="196">
        <v>99.6</v>
      </c>
      <c r="O21" s="197">
        <v>7.6</v>
      </c>
      <c r="P21" s="137" t="s">
        <v>44</v>
      </c>
    </row>
    <row r="22" spans="1:16" ht="13.5" customHeight="1" x14ac:dyDescent="0.15">
      <c r="A22" s="553"/>
      <c r="B22" s="132" t="s">
        <v>45</v>
      </c>
      <c r="C22" s="133" t="s">
        <v>90</v>
      </c>
      <c r="D22" s="192">
        <v>15.1</v>
      </c>
      <c r="E22" s="193">
        <v>128.19999999999999</v>
      </c>
      <c r="F22" s="193">
        <v>107.3</v>
      </c>
      <c r="G22" s="194">
        <v>20.9</v>
      </c>
      <c r="H22" s="192">
        <v>15.6</v>
      </c>
      <c r="I22" s="193">
        <v>132.9</v>
      </c>
      <c r="J22" s="193">
        <v>110.5</v>
      </c>
      <c r="K22" s="194">
        <v>22.4</v>
      </c>
      <c r="L22" s="192">
        <v>14.6</v>
      </c>
      <c r="M22" s="193">
        <v>123.1</v>
      </c>
      <c r="N22" s="193">
        <v>103.9</v>
      </c>
      <c r="O22" s="194">
        <v>19.2</v>
      </c>
      <c r="P22" s="132" t="s">
        <v>45</v>
      </c>
    </row>
    <row r="23" spans="1:16" ht="13.5" customHeight="1" x14ac:dyDescent="0.15">
      <c r="A23" s="553"/>
      <c r="B23" s="137" t="s">
        <v>46</v>
      </c>
      <c r="C23" s="142" t="s">
        <v>91</v>
      </c>
      <c r="D23" s="195">
        <v>16.399999999999999</v>
      </c>
      <c r="E23" s="196">
        <v>127.4</v>
      </c>
      <c r="F23" s="196">
        <v>121.3</v>
      </c>
      <c r="G23" s="197">
        <v>6.1</v>
      </c>
      <c r="H23" s="195">
        <v>17</v>
      </c>
      <c r="I23" s="196">
        <v>136.30000000000001</v>
      </c>
      <c r="J23" s="196">
        <v>128.30000000000001</v>
      </c>
      <c r="K23" s="197">
        <v>8</v>
      </c>
      <c r="L23" s="195">
        <v>16.100000000000001</v>
      </c>
      <c r="M23" s="196">
        <v>123.1</v>
      </c>
      <c r="N23" s="196">
        <v>117.9</v>
      </c>
      <c r="O23" s="197">
        <v>5.2</v>
      </c>
      <c r="P23" s="137" t="s">
        <v>46</v>
      </c>
    </row>
    <row r="24" spans="1:16" ht="13.5" customHeight="1" x14ac:dyDescent="0.15">
      <c r="A24" s="553"/>
      <c r="B24" s="132" t="s">
        <v>47</v>
      </c>
      <c r="C24" s="133" t="s">
        <v>92</v>
      </c>
      <c r="D24" s="192">
        <v>18</v>
      </c>
      <c r="E24" s="193">
        <v>142.1</v>
      </c>
      <c r="F24" s="193">
        <v>130.80000000000001</v>
      </c>
      <c r="G24" s="194">
        <v>11.3</v>
      </c>
      <c r="H24" s="192">
        <v>18.399999999999999</v>
      </c>
      <c r="I24" s="193">
        <v>151.80000000000001</v>
      </c>
      <c r="J24" s="193">
        <v>138.4</v>
      </c>
      <c r="K24" s="194">
        <v>13.4</v>
      </c>
      <c r="L24" s="192">
        <v>16.899999999999999</v>
      </c>
      <c r="M24" s="193">
        <v>114.3</v>
      </c>
      <c r="N24" s="193">
        <v>109.2</v>
      </c>
      <c r="O24" s="194">
        <v>5.0999999999999996</v>
      </c>
      <c r="P24" s="132" t="s">
        <v>47</v>
      </c>
    </row>
    <row r="25" spans="1:16" ht="13.5" customHeight="1" x14ac:dyDescent="0.15">
      <c r="A25" s="553"/>
      <c r="B25" s="137" t="s">
        <v>48</v>
      </c>
      <c r="C25" s="142" t="s">
        <v>93</v>
      </c>
      <c r="D25" s="195">
        <v>16.600000000000001</v>
      </c>
      <c r="E25" s="196">
        <v>133</v>
      </c>
      <c r="F25" s="196">
        <v>122.8</v>
      </c>
      <c r="G25" s="197">
        <v>10.199999999999999</v>
      </c>
      <c r="H25" s="195">
        <v>17.3</v>
      </c>
      <c r="I25" s="196">
        <v>145.80000000000001</v>
      </c>
      <c r="J25" s="196">
        <v>132.30000000000001</v>
      </c>
      <c r="K25" s="197">
        <v>13.5</v>
      </c>
      <c r="L25" s="195">
        <v>15.6</v>
      </c>
      <c r="M25" s="196">
        <v>114</v>
      </c>
      <c r="N25" s="196">
        <v>108.8</v>
      </c>
      <c r="O25" s="197">
        <v>5.2</v>
      </c>
      <c r="P25" s="137" t="s">
        <v>48</v>
      </c>
    </row>
    <row r="26" spans="1:16" ht="6.75" customHeight="1" x14ac:dyDescent="0.15">
      <c r="A26" s="553"/>
      <c r="B26" s="137"/>
      <c r="C26" s="142"/>
      <c r="D26" s="195"/>
      <c r="E26" s="196"/>
      <c r="F26" s="196"/>
      <c r="G26" s="197"/>
      <c r="H26" s="195"/>
      <c r="I26" s="196"/>
      <c r="J26" s="196"/>
      <c r="K26" s="197"/>
      <c r="L26" s="195"/>
      <c r="M26" s="196"/>
      <c r="N26" s="196"/>
      <c r="O26" s="197"/>
      <c r="P26" s="137"/>
    </row>
    <row r="27" spans="1:16" ht="13.5" customHeight="1" x14ac:dyDescent="0.15">
      <c r="A27" s="553"/>
      <c r="B27" s="132" t="s">
        <v>49</v>
      </c>
      <c r="C27" s="133" t="s">
        <v>94</v>
      </c>
      <c r="D27" s="192">
        <v>17.100000000000001</v>
      </c>
      <c r="E27" s="193">
        <v>137.4</v>
      </c>
      <c r="F27" s="193">
        <v>125.9</v>
      </c>
      <c r="G27" s="194">
        <v>11.5</v>
      </c>
      <c r="H27" s="192">
        <v>18.100000000000001</v>
      </c>
      <c r="I27" s="193">
        <v>152.5</v>
      </c>
      <c r="J27" s="193">
        <v>137.19999999999999</v>
      </c>
      <c r="K27" s="194">
        <v>15.3</v>
      </c>
      <c r="L27" s="192">
        <v>16.100000000000001</v>
      </c>
      <c r="M27" s="193">
        <v>123.7</v>
      </c>
      <c r="N27" s="193">
        <v>115.7</v>
      </c>
      <c r="O27" s="194">
        <v>8</v>
      </c>
      <c r="P27" s="132" t="s">
        <v>49</v>
      </c>
    </row>
    <row r="28" spans="1:16" ht="13.5" customHeight="1" x14ac:dyDescent="0.15">
      <c r="A28" s="553"/>
      <c r="B28" s="137" t="s">
        <v>50</v>
      </c>
      <c r="C28" s="142" t="s">
        <v>95</v>
      </c>
      <c r="D28" s="195">
        <v>17.399999999999999</v>
      </c>
      <c r="E28" s="196">
        <v>143.80000000000001</v>
      </c>
      <c r="F28" s="196">
        <v>132.5</v>
      </c>
      <c r="G28" s="197">
        <v>11.3</v>
      </c>
      <c r="H28" s="195">
        <v>17.8</v>
      </c>
      <c r="I28" s="196">
        <v>153.30000000000001</v>
      </c>
      <c r="J28" s="196">
        <v>138.9</v>
      </c>
      <c r="K28" s="197">
        <v>14.4</v>
      </c>
      <c r="L28" s="195">
        <v>16.5</v>
      </c>
      <c r="M28" s="196">
        <v>121.8</v>
      </c>
      <c r="N28" s="196">
        <v>117.6</v>
      </c>
      <c r="O28" s="197">
        <v>4.2</v>
      </c>
      <c r="P28" s="137" t="s">
        <v>50</v>
      </c>
    </row>
    <row r="29" spans="1:16" ht="13.5" customHeight="1" x14ac:dyDescent="0.15">
      <c r="A29" s="553"/>
      <c r="B29" s="132" t="s">
        <v>51</v>
      </c>
      <c r="C29" s="133" t="s">
        <v>96</v>
      </c>
      <c r="D29" s="192">
        <v>16.7</v>
      </c>
      <c r="E29" s="193">
        <v>118.3</v>
      </c>
      <c r="F29" s="193">
        <v>115</v>
      </c>
      <c r="G29" s="194">
        <v>3.3</v>
      </c>
      <c r="H29" s="192">
        <v>17</v>
      </c>
      <c r="I29" s="193">
        <v>121.7</v>
      </c>
      <c r="J29" s="193">
        <v>117.5</v>
      </c>
      <c r="K29" s="194">
        <v>4.2</v>
      </c>
      <c r="L29" s="192">
        <v>16.100000000000001</v>
      </c>
      <c r="M29" s="193">
        <v>112</v>
      </c>
      <c r="N29" s="193">
        <v>110.4</v>
      </c>
      <c r="O29" s="194">
        <v>1.6</v>
      </c>
      <c r="P29" s="132" t="s">
        <v>51</v>
      </c>
    </row>
    <row r="30" spans="1:16" ht="13.5" customHeight="1" x14ac:dyDescent="0.15">
      <c r="A30" s="553"/>
      <c r="B30" s="137" t="s">
        <v>52</v>
      </c>
      <c r="C30" s="142" t="s">
        <v>97</v>
      </c>
      <c r="D30" s="195">
        <v>17.899999999999999</v>
      </c>
      <c r="E30" s="196">
        <v>146</v>
      </c>
      <c r="F30" s="196">
        <v>132.1</v>
      </c>
      <c r="G30" s="197">
        <v>13.9</v>
      </c>
      <c r="H30" s="195">
        <v>18.2</v>
      </c>
      <c r="I30" s="196">
        <v>147</v>
      </c>
      <c r="J30" s="196">
        <v>132.1</v>
      </c>
      <c r="K30" s="197">
        <v>14.9</v>
      </c>
      <c r="L30" s="195">
        <v>16.899999999999999</v>
      </c>
      <c r="M30" s="196">
        <v>141.1</v>
      </c>
      <c r="N30" s="196">
        <v>131.9</v>
      </c>
      <c r="O30" s="197">
        <v>9.1999999999999993</v>
      </c>
      <c r="P30" s="137" t="s">
        <v>52</v>
      </c>
    </row>
    <row r="31" spans="1:16" ht="13.5" customHeight="1" x14ac:dyDescent="0.15">
      <c r="A31" s="553"/>
      <c r="B31" s="132" t="s">
        <v>53</v>
      </c>
      <c r="C31" s="133" t="s">
        <v>98</v>
      </c>
      <c r="D31" s="192">
        <v>16.3</v>
      </c>
      <c r="E31" s="193">
        <v>137.80000000000001</v>
      </c>
      <c r="F31" s="193">
        <v>125.9</v>
      </c>
      <c r="G31" s="194">
        <v>11.9</v>
      </c>
      <c r="H31" s="192">
        <v>16.8</v>
      </c>
      <c r="I31" s="193">
        <v>146.69999999999999</v>
      </c>
      <c r="J31" s="193">
        <v>131.4</v>
      </c>
      <c r="K31" s="194">
        <v>15.3</v>
      </c>
      <c r="L31" s="192">
        <v>15.4</v>
      </c>
      <c r="M31" s="193">
        <v>122.2</v>
      </c>
      <c r="N31" s="193">
        <v>116.2</v>
      </c>
      <c r="O31" s="194">
        <v>6</v>
      </c>
      <c r="P31" s="132" t="s">
        <v>53</v>
      </c>
    </row>
    <row r="32" spans="1:16" ht="13.5" customHeight="1" x14ac:dyDescent="0.15">
      <c r="A32" s="553"/>
      <c r="B32" s="137" t="s">
        <v>54</v>
      </c>
      <c r="C32" s="142" t="s">
        <v>99</v>
      </c>
      <c r="D32" s="195">
        <v>16.8</v>
      </c>
      <c r="E32" s="196">
        <v>140</v>
      </c>
      <c r="F32" s="196">
        <v>128.4</v>
      </c>
      <c r="G32" s="197">
        <v>11.6</v>
      </c>
      <c r="H32" s="195">
        <v>17.3</v>
      </c>
      <c r="I32" s="196">
        <v>148.6</v>
      </c>
      <c r="J32" s="196">
        <v>134.1</v>
      </c>
      <c r="K32" s="197">
        <v>14.5</v>
      </c>
      <c r="L32" s="195">
        <v>16</v>
      </c>
      <c r="M32" s="196">
        <v>126.5</v>
      </c>
      <c r="N32" s="196">
        <v>119.4</v>
      </c>
      <c r="O32" s="197">
        <v>7.1</v>
      </c>
      <c r="P32" s="137" t="s">
        <v>54</v>
      </c>
    </row>
    <row r="33" spans="1:16" ht="13.5" customHeight="1" x14ac:dyDescent="0.15">
      <c r="A33" s="553"/>
      <c r="B33" s="132" t="s">
        <v>55</v>
      </c>
      <c r="C33" s="133" t="s">
        <v>100</v>
      </c>
      <c r="D33" s="192">
        <v>16</v>
      </c>
      <c r="E33" s="193">
        <v>130</v>
      </c>
      <c r="F33" s="193">
        <v>120</v>
      </c>
      <c r="G33" s="194">
        <v>10</v>
      </c>
      <c r="H33" s="192">
        <v>16.5</v>
      </c>
      <c r="I33" s="193">
        <v>140</v>
      </c>
      <c r="J33" s="193">
        <v>127</v>
      </c>
      <c r="K33" s="194">
        <v>13</v>
      </c>
      <c r="L33" s="192">
        <v>15.2</v>
      </c>
      <c r="M33" s="193">
        <v>112.7</v>
      </c>
      <c r="N33" s="193">
        <v>107.9</v>
      </c>
      <c r="O33" s="194">
        <v>4.8</v>
      </c>
      <c r="P33" s="132" t="s">
        <v>55</v>
      </c>
    </row>
    <row r="34" spans="1:16" ht="13.5" customHeight="1" x14ac:dyDescent="0.15">
      <c r="A34" s="553"/>
      <c r="B34" s="137" t="s">
        <v>56</v>
      </c>
      <c r="C34" s="142" t="s">
        <v>101</v>
      </c>
      <c r="D34" s="195">
        <v>17.600000000000001</v>
      </c>
      <c r="E34" s="196">
        <v>156.30000000000001</v>
      </c>
      <c r="F34" s="196">
        <v>138.19999999999999</v>
      </c>
      <c r="G34" s="197">
        <v>18.100000000000001</v>
      </c>
      <c r="H34" s="195">
        <v>17.7</v>
      </c>
      <c r="I34" s="196">
        <v>158.6</v>
      </c>
      <c r="J34" s="196">
        <v>139.4</v>
      </c>
      <c r="K34" s="197">
        <v>19.2</v>
      </c>
      <c r="L34" s="195">
        <v>17.100000000000001</v>
      </c>
      <c r="M34" s="196">
        <v>147.4</v>
      </c>
      <c r="N34" s="196">
        <v>133.5</v>
      </c>
      <c r="O34" s="197">
        <v>13.9</v>
      </c>
      <c r="P34" s="137" t="s">
        <v>56</v>
      </c>
    </row>
    <row r="35" spans="1:16" ht="13.5" customHeight="1" x14ac:dyDescent="0.15">
      <c r="A35" s="553"/>
      <c r="B35" s="132" t="s">
        <v>57</v>
      </c>
      <c r="C35" s="133" t="s">
        <v>102</v>
      </c>
      <c r="D35" s="192">
        <v>16.399999999999999</v>
      </c>
      <c r="E35" s="193">
        <v>141.80000000000001</v>
      </c>
      <c r="F35" s="193">
        <v>125.4</v>
      </c>
      <c r="G35" s="194">
        <v>16.399999999999999</v>
      </c>
      <c r="H35" s="192">
        <v>16.5</v>
      </c>
      <c r="I35" s="193">
        <v>144.69999999999999</v>
      </c>
      <c r="J35" s="193">
        <v>126.8</v>
      </c>
      <c r="K35" s="194">
        <v>17.899999999999999</v>
      </c>
      <c r="L35" s="192">
        <v>15.9</v>
      </c>
      <c r="M35" s="193">
        <v>128.5</v>
      </c>
      <c r="N35" s="193">
        <v>119</v>
      </c>
      <c r="O35" s="194">
        <v>9.5</v>
      </c>
      <c r="P35" s="132" t="s">
        <v>57</v>
      </c>
    </row>
    <row r="36" spans="1:16" ht="13.5" customHeight="1" x14ac:dyDescent="0.15">
      <c r="A36" s="553"/>
      <c r="B36" s="137" t="s">
        <v>58</v>
      </c>
      <c r="C36" s="142" t="s">
        <v>103</v>
      </c>
      <c r="D36" s="195">
        <v>17.100000000000001</v>
      </c>
      <c r="E36" s="196">
        <v>144.80000000000001</v>
      </c>
      <c r="F36" s="196">
        <v>128</v>
      </c>
      <c r="G36" s="197">
        <v>16.8</v>
      </c>
      <c r="H36" s="195">
        <v>17.100000000000001</v>
      </c>
      <c r="I36" s="196">
        <v>146.19999999999999</v>
      </c>
      <c r="J36" s="196">
        <v>128.69999999999999</v>
      </c>
      <c r="K36" s="197">
        <v>17.5</v>
      </c>
      <c r="L36" s="195">
        <v>16.5</v>
      </c>
      <c r="M36" s="196">
        <v>129.5</v>
      </c>
      <c r="N36" s="196">
        <v>120.1</v>
      </c>
      <c r="O36" s="197">
        <v>9.4</v>
      </c>
      <c r="P36" s="137" t="s">
        <v>58</v>
      </c>
    </row>
    <row r="37" spans="1:16" ht="13.5" customHeight="1" x14ac:dyDescent="0.15">
      <c r="A37" s="553"/>
      <c r="B37" s="132" t="s">
        <v>59</v>
      </c>
      <c r="C37" s="133" t="s">
        <v>104</v>
      </c>
      <c r="D37" s="192">
        <v>16.8</v>
      </c>
      <c r="E37" s="193">
        <v>141.80000000000001</v>
      </c>
      <c r="F37" s="193">
        <v>127.9</v>
      </c>
      <c r="G37" s="194">
        <v>13.9</v>
      </c>
      <c r="H37" s="192">
        <v>16.899999999999999</v>
      </c>
      <c r="I37" s="193">
        <v>142.80000000000001</v>
      </c>
      <c r="J37" s="193">
        <v>128.9</v>
      </c>
      <c r="K37" s="194">
        <v>13.9</v>
      </c>
      <c r="L37" s="192">
        <v>16.3</v>
      </c>
      <c r="M37" s="193">
        <v>134.9</v>
      </c>
      <c r="N37" s="193">
        <v>121.2</v>
      </c>
      <c r="O37" s="194">
        <v>13.7</v>
      </c>
      <c r="P37" s="132" t="s">
        <v>59</v>
      </c>
    </row>
    <row r="38" spans="1:16" ht="13.5" customHeight="1" x14ac:dyDescent="0.15">
      <c r="A38" s="553"/>
      <c r="B38" s="137" t="s">
        <v>60</v>
      </c>
      <c r="C38" s="142" t="s">
        <v>105</v>
      </c>
      <c r="D38" s="195">
        <v>15.7</v>
      </c>
      <c r="E38" s="196">
        <v>132.5</v>
      </c>
      <c r="F38" s="196">
        <v>122.9</v>
      </c>
      <c r="G38" s="197">
        <v>9.6</v>
      </c>
      <c r="H38" s="195">
        <v>15.8</v>
      </c>
      <c r="I38" s="196">
        <v>134.30000000000001</v>
      </c>
      <c r="J38" s="196">
        <v>124.3</v>
      </c>
      <c r="K38" s="197">
        <v>10</v>
      </c>
      <c r="L38" s="195">
        <v>15.2</v>
      </c>
      <c r="M38" s="196">
        <v>125.6</v>
      </c>
      <c r="N38" s="196">
        <v>117.6</v>
      </c>
      <c r="O38" s="197">
        <v>8</v>
      </c>
      <c r="P38" s="137" t="s">
        <v>60</v>
      </c>
    </row>
    <row r="39" spans="1:16" ht="13.5" customHeight="1" x14ac:dyDescent="0.15">
      <c r="A39" s="553"/>
      <c r="B39" s="132" t="s">
        <v>61</v>
      </c>
      <c r="C39" s="133" t="s">
        <v>106</v>
      </c>
      <c r="D39" s="192">
        <v>17.8</v>
      </c>
      <c r="E39" s="193">
        <v>146.30000000000001</v>
      </c>
      <c r="F39" s="193">
        <v>139.6</v>
      </c>
      <c r="G39" s="194">
        <v>6.7</v>
      </c>
      <c r="H39" s="192">
        <v>17.899999999999999</v>
      </c>
      <c r="I39" s="193">
        <v>147</v>
      </c>
      <c r="J39" s="193">
        <v>140.19999999999999</v>
      </c>
      <c r="K39" s="194">
        <v>6.8</v>
      </c>
      <c r="L39" s="192">
        <v>17.600000000000001</v>
      </c>
      <c r="M39" s="193">
        <v>142.5</v>
      </c>
      <c r="N39" s="193">
        <v>136.4</v>
      </c>
      <c r="O39" s="194">
        <v>6.1</v>
      </c>
      <c r="P39" s="132" t="s">
        <v>61</v>
      </c>
    </row>
    <row r="40" spans="1:16" ht="13.5" customHeight="1" x14ac:dyDescent="0.15">
      <c r="A40" s="553"/>
      <c r="B40" s="137" t="s">
        <v>62</v>
      </c>
      <c r="C40" s="142" t="s">
        <v>107</v>
      </c>
      <c r="D40" s="195">
        <v>17.2</v>
      </c>
      <c r="E40" s="196">
        <v>145.6</v>
      </c>
      <c r="F40" s="196">
        <v>134.80000000000001</v>
      </c>
      <c r="G40" s="197">
        <v>10.8</v>
      </c>
      <c r="H40" s="195">
        <v>17.2</v>
      </c>
      <c r="I40" s="196">
        <v>146.69999999999999</v>
      </c>
      <c r="J40" s="196">
        <v>135.19999999999999</v>
      </c>
      <c r="K40" s="197">
        <v>11.5</v>
      </c>
      <c r="L40" s="195">
        <v>17.2</v>
      </c>
      <c r="M40" s="196">
        <v>139.30000000000001</v>
      </c>
      <c r="N40" s="196">
        <v>132.4</v>
      </c>
      <c r="O40" s="197">
        <v>6.9</v>
      </c>
      <c r="P40" s="137" t="s">
        <v>62</v>
      </c>
    </row>
    <row r="41" spans="1:16" ht="13.5" customHeight="1" x14ac:dyDescent="0.15">
      <c r="A41" s="553"/>
      <c r="B41" s="132" t="s">
        <v>63</v>
      </c>
      <c r="C41" s="133" t="s">
        <v>108</v>
      </c>
      <c r="D41" s="192">
        <v>16.899999999999999</v>
      </c>
      <c r="E41" s="193">
        <v>145.1</v>
      </c>
      <c r="F41" s="193">
        <v>127.5</v>
      </c>
      <c r="G41" s="194">
        <v>17.600000000000001</v>
      </c>
      <c r="H41" s="192">
        <v>16.899999999999999</v>
      </c>
      <c r="I41" s="193">
        <v>146.9</v>
      </c>
      <c r="J41" s="193">
        <v>128</v>
      </c>
      <c r="K41" s="194">
        <v>18.899999999999999</v>
      </c>
      <c r="L41" s="192">
        <v>16.7</v>
      </c>
      <c r="M41" s="193">
        <v>136.80000000000001</v>
      </c>
      <c r="N41" s="193">
        <v>125.1</v>
      </c>
      <c r="O41" s="194">
        <v>11.7</v>
      </c>
      <c r="P41" s="132" t="s">
        <v>63</v>
      </c>
    </row>
    <row r="42" spans="1:16" ht="13.5" customHeight="1" x14ac:dyDescent="0.15">
      <c r="A42" s="553"/>
      <c r="B42" s="137" t="s">
        <v>64</v>
      </c>
      <c r="C42" s="142" t="s">
        <v>109</v>
      </c>
      <c r="D42" s="195">
        <v>17.600000000000001</v>
      </c>
      <c r="E42" s="196">
        <v>161.1</v>
      </c>
      <c r="F42" s="196">
        <v>134.19999999999999</v>
      </c>
      <c r="G42" s="197">
        <v>26.9</v>
      </c>
      <c r="H42" s="195">
        <v>17.600000000000001</v>
      </c>
      <c r="I42" s="196">
        <v>164.8</v>
      </c>
      <c r="J42" s="196">
        <v>134.19999999999999</v>
      </c>
      <c r="K42" s="197">
        <v>30.6</v>
      </c>
      <c r="L42" s="195">
        <v>17.600000000000001</v>
      </c>
      <c r="M42" s="196">
        <v>147</v>
      </c>
      <c r="N42" s="196">
        <v>134.4</v>
      </c>
      <c r="O42" s="197">
        <v>12.6</v>
      </c>
      <c r="P42" s="137" t="s">
        <v>64</v>
      </c>
    </row>
    <row r="43" spans="1:16" ht="13.5" customHeight="1" x14ac:dyDescent="0.15">
      <c r="A43" s="553"/>
      <c r="B43" s="132" t="s">
        <v>65</v>
      </c>
      <c r="C43" s="133" t="s">
        <v>110</v>
      </c>
      <c r="D43" s="192">
        <v>16.8</v>
      </c>
      <c r="E43" s="193">
        <v>139.19999999999999</v>
      </c>
      <c r="F43" s="193">
        <v>127.5</v>
      </c>
      <c r="G43" s="194">
        <v>11.7</v>
      </c>
      <c r="H43" s="192">
        <v>17</v>
      </c>
      <c r="I43" s="193">
        <v>145.4</v>
      </c>
      <c r="J43" s="193">
        <v>131.80000000000001</v>
      </c>
      <c r="K43" s="194">
        <v>13.6</v>
      </c>
      <c r="L43" s="192">
        <v>16.3</v>
      </c>
      <c r="M43" s="193">
        <v>121.8</v>
      </c>
      <c r="N43" s="193">
        <v>115.3</v>
      </c>
      <c r="O43" s="194">
        <v>6.5</v>
      </c>
      <c r="P43" s="132" t="s">
        <v>65</v>
      </c>
    </row>
    <row r="44" spans="1:16" ht="13.5" customHeight="1" x14ac:dyDescent="0.15">
      <c r="A44" s="553"/>
      <c r="B44" s="137" t="s">
        <v>66</v>
      </c>
      <c r="C44" s="142" t="s">
        <v>111</v>
      </c>
      <c r="D44" s="195">
        <v>17.899999999999999</v>
      </c>
      <c r="E44" s="196">
        <v>150.4</v>
      </c>
      <c r="F44" s="196">
        <v>133.9</v>
      </c>
      <c r="G44" s="197">
        <v>16.5</v>
      </c>
      <c r="H44" s="195">
        <v>18.100000000000001</v>
      </c>
      <c r="I44" s="196">
        <v>152.5</v>
      </c>
      <c r="J44" s="196">
        <v>134.9</v>
      </c>
      <c r="K44" s="197">
        <v>17.600000000000001</v>
      </c>
      <c r="L44" s="195">
        <v>17.399999999999999</v>
      </c>
      <c r="M44" s="196">
        <v>139.80000000000001</v>
      </c>
      <c r="N44" s="196">
        <v>129</v>
      </c>
      <c r="O44" s="197">
        <v>10.8</v>
      </c>
      <c r="P44" s="137" t="s">
        <v>66</v>
      </c>
    </row>
    <row r="45" spans="1:16" ht="13.5" customHeight="1" x14ac:dyDescent="0.15">
      <c r="A45" s="553"/>
      <c r="B45" s="132" t="s">
        <v>67</v>
      </c>
      <c r="C45" s="133" t="s">
        <v>112</v>
      </c>
      <c r="D45" s="192">
        <v>17.7</v>
      </c>
      <c r="E45" s="193">
        <v>156.6</v>
      </c>
      <c r="F45" s="193">
        <v>139.30000000000001</v>
      </c>
      <c r="G45" s="194">
        <v>17.3</v>
      </c>
      <c r="H45" s="192">
        <v>17.899999999999999</v>
      </c>
      <c r="I45" s="193">
        <v>160.4</v>
      </c>
      <c r="J45" s="193">
        <v>141.69999999999999</v>
      </c>
      <c r="K45" s="194">
        <v>18.7</v>
      </c>
      <c r="L45" s="192">
        <v>16.7</v>
      </c>
      <c r="M45" s="193">
        <v>134.19999999999999</v>
      </c>
      <c r="N45" s="193">
        <v>125.2</v>
      </c>
      <c r="O45" s="194">
        <v>9</v>
      </c>
      <c r="P45" s="132" t="s">
        <v>67</v>
      </c>
    </row>
    <row r="46" spans="1:16" ht="6.75" customHeight="1" x14ac:dyDescent="0.15">
      <c r="A46" s="553"/>
      <c r="B46" s="206"/>
      <c r="C46" s="142"/>
      <c r="D46" s="207"/>
      <c r="E46" s="196"/>
      <c r="F46" s="196"/>
      <c r="G46" s="197"/>
      <c r="H46" s="207"/>
      <c r="I46" s="196"/>
      <c r="J46" s="196"/>
      <c r="K46" s="197"/>
      <c r="L46" s="207"/>
      <c r="M46" s="196"/>
      <c r="N46" s="196"/>
      <c r="O46" s="197"/>
      <c r="P46" s="2"/>
    </row>
    <row r="47" spans="1:16" ht="13.5" customHeight="1" x14ac:dyDescent="0.15">
      <c r="A47" s="553"/>
      <c r="B47" s="137" t="s">
        <v>113</v>
      </c>
      <c r="C47" s="142" t="s">
        <v>114</v>
      </c>
      <c r="D47" s="195">
        <v>19.600000000000001</v>
      </c>
      <c r="E47" s="196">
        <v>119</v>
      </c>
      <c r="F47" s="196">
        <v>112.4</v>
      </c>
      <c r="G47" s="197">
        <v>6.6</v>
      </c>
      <c r="H47" s="195">
        <v>19.2</v>
      </c>
      <c r="I47" s="196">
        <v>120.7</v>
      </c>
      <c r="J47" s="196">
        <v>112.5</v>
      </c>
      <c r="K47" s="197">
        <v>8.1999999999999993</v>
      </c>
      <c r="L47" s="195">
        <v>20.7</v>
      </c>
      <c r="M47" s="196">
        <v>114.3</v>
      </c>
      <c r="N47" s="196">
        <v>112.2</v>
      </c>
      <c r="O47" s="197">
        <v>2.1</v>
      </c>
      <c r="P47" s="137" t="s">
        <v>113</v>
      </c>
    </row>
    <row r="48" spans="1:16" ht="13.5" customHeight="1" thickBot="1" x14ac:dyDescent="0.2">
      <c r="A48" s="553"/>
      <c r="B48" s="152" t="s">
        <v>68</v>
      </c>
      <c r="C48" s="153" t="s">
        <v>115</v>
      </c>
      <c r="D48" s="208">
        <v>17.100000000000001</v>
      </c>
      <c r="E48" s="209">
        <v>140.5</v>
      </c>
      <c r="F48" s="209">
        <v>131.9</v>
      </c>
      <c r="G48" s="210">
        <v>8.6</v>
      </c>
      <c r="H48" s="208">
        <v>17</v>
      </c>
      <c r="I48" s="209">
        <v>144.4</v>
      </c>
      <c r="J48" s="209">
        <v>133.80000000000001</v>
      </c>
      <c r="K48" s="210">
        <v>10.6</v>
      </c>
      <c r="L48" s="208">
        <v>17.100000000000001</v>
      </c>
      <c r="M48" s="209">
        <v>138.69999999999999</v>
      </c>
      <c r="N48" s="209">
        <v>131</v>
      </c>
      <c r="O48" s="210">
        <v>7.7</v>
      </c>
      <c r="P48" s="152" t="s">
        <v>68</v>
      </c>
    </row>
    <row r="49" s="3" customFormat="1" ht="14.25" customHeight="1" x14ac:dyDescent="0.15"/>
  </sheetData>
  <mergeCells count="15">
    <mergeCell ref="A1:A48"/>
    <mergeCell ref="B1:P1"/>
    <mergeCell ref="B2:G2"/>
    <mergeCell ref="N2:P2"/>
    <mergeCell ref="B3:C8"/>
    <mergeCell ref="E3:F4"/>
    <mergeCell ref="I3:J4"/>
    <mergeCell ref="M3:N4"/>
    <mergeCell ref="P3:P7"/>
    <mergeCell ref="D5:D8"/>
    <mergeCell ref="E5:F6"/>
    <mergeCell ref="H5:H8"/>
    <mergeCell ref="I5:J6"/>
    <mergeCell ref="L5:L8"/>
    <mergeCell ref="M5:N6"/>
  </mergeCells>
  <phoneticPr fontId="3"/>
  <printOptions horizontalCentered="1"/>
  <pageMargins left="0.59055118110236227" right="0.59055118110236227" top="0.39370078740157483" bottom="0.59055118110236227" header="0" footer="0.19685039370078741"/>
  <pageSetup paperSize="9" scale="85" orientation="landscape" errors="blank"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D9965BC-D69F-4BAD-AD96-4D7AC1CB233C}">
  <sheetPr codeName="Sheet12">
    <tabColor indexed="52"/>
    <pageSetUpPr fitToPage="1"/>
  </sheetPr>
  <dimension ref="A1:T49"/>
  <sheetViews>
    <sheetView view="pageBreakPreview" zoomScaleNormal="80" zoomScaleSheetLayoutView="100" workbookViewId="0">
      <selection sqref="A1:A47"/>
    </sheetView>
  </sheetViews>
  <sheetFormatPr defaultColWidth="9" defaultRowHeight="13.5" x14ac:dyDescent="0.15"/>
  <cols>
    <col min="1" max="1" width="5" style="28" customWidth="1"/>
    <col min="2" max="2" width="6.625" style="161" customWidth="1"/>
    <col min="3" max="3" width="23.75" style="28" customWidth="1"/>
    <col min="4" max="4" width="9.125" style="26" customWidth="1"/>
    <col min="5" max="5" width="9" style="28" customWidth="1"/>
    <col min="6" max="8" width="5.5" style="28" customWidth="1"/>
    <col min="9" max="9" width="9.125" style="28" customWidth="1"/>
    <col min="10" max="10" width="8.625" style="28" customWidth="1"/>
    <col min="11" max="13" width="5.5" style="28" customWidth="1"/>
    <col min="14" max="14" width="9.125" style="28" customWidth="1"/>
    <col min="15" max="15" width="8.625" style="28" customWidth="1"/>
    <col min="16" max="18" width="5.5" style="28" customWidth="1"/>
    <col min="19" max="19" width="6.625" style="28" customWidth="1"/>
    <col min="20" max="16384" width="9" style="3"/>
  </cols>
  <sheetData>
    <row r="1" spans="1:20" ht="22.5" customHeight="1" x14ac:dyDescent="0.15">
      <c r="A1" s="553" t="s">
        <v>129</v>
      </c>
      <c r="B1" s="491" t="s">
        <v>132</v>
      </c>
      <c r="C1" s="491"/>
      <c r="D1" s="491"/>
      <c r="E1" s="491"/>
      <c r="F1" s="491"/>
      <c r="G1" s="491"/>
      <c r="H1" s="491"/>
      <c r="I1" s="491"/>
      <c r="J1" s="491"/>
      <c r="K1" s="491"/>
      <c r="L1" s="491"/>
      <c r="M1" s="491"/>
      <c r="N1" s="491"/>
      <c r="O1" s="491"/>
      <c r="P1" s="491"/>
      <c r="Q1" s="491"/>
      <c r="R1" s="491"/>
      <c r="S1" s="491"/>
      <c r="T1" s="119"/>
    </row>
    <row r="2" spans="1:20" ht="11.25" customHeight="1" thickBot="1" x14ac:dyDescent="0.2">
      <c r="A2" s="553"/>
      <c r="B2" s="554" t="s">
        <v>70</v>
      </c>
      <c r="C2" s="554"/>
      <c r="D2" s="554"/>
      <c r="E2" s="554"/>
      <c r="F2" s="554"/>
      <c r="G2" s="554"/>
      <c r="H2" s="159"/>
      <c r="O2" s="555" t="s">
        <v>133</v>
      </c>
      <c r="P2" s="555"/>
      <c r="Q2" s="555"/>
      <c r="R2" s="555"/>
      <c r="S2" s="555"/>
    </row>
    <row r="3" spans="1:20" ht="8.25" customHeight="1" x14ac:dyDescent="0.15">
      <c r="A3" s="553"/>
      <c r="B3" s="493" t="s">
        <v>72</v>
      </c>
      <c r="C3" s="520"/>
      <c r="D3" s="492" t="s">
        <v>73</v>
      </c>
      <c r="E3" s="556"/>
      <c r="F3" s="556"/>
      <c r="G3" s="556"/>
      <c r="H3" s="573"/>
      <c r="I3" s="492" t="s">
        <v>134</v>
      </c>
      <c r="J3" s="493"/>
      <c r="K3" s="493"/>
      <c r="L3" s="493"/>
      <c r="M3" s="520"/>
      <c r="N3" s="492" t="s">
        <v>135</v>
      </c>
      <c r="O3" s="556"/>
      <c r="P3" s="556"/>
      <c r="Q3" s="556"/>
      <c r="R3" s="573"/>
      <c r="S3" s="492" t="s">
        <v>76</v>
      </c>
    </row>
    <row r="4" spans="1:20" ht="8.25" customHeight="1" x14ac:dyDescent="0.15">
      <c r="A4" s="553"/>
      <c r="B4" s="495"/>
      <c r="C4" s="521"/>
      <c r="D4" s="574"/>
      <c r="E4" s="557"/>
      <c r="F4" s="557"/>
      <c r="G4" s="557"/>
      <c r="H4" s="575"/>
      <c r="I4" s="561"/>
      <c r="J4" s="522"/>
      <c r="K4" s="522"/>
      <c r="L4" s="522"/>
      <c r="M4" s="523"/>
      <c r="N4" s="561"/>
      <c r="O4" s="557"/>
      <c r="P4" s="557"/>
      <c r="Q4" s="557"/>
      <c r="R4" s="575"/>
      <c r="S4" s="494"/>
    </row>
    <row r="5" spans="1:20" ht="13.5" customHeight="1" x14ac:dyDescent="0.15">
      <c r="A5" s="553"/>
      <c r="B5" s="495"/>
      <c r="C5" s="521"/>
      <c r="D5" s="576" t="s">
        <v>136</v>
      </c>
      <c r="E5" s="211"/>
      <c r="F5" s="212"/>
      <c r="G5" s="578" t="s">
        <v>25</v>
      </c>
      <c r="H5" s="579"/>
      <c r="I5" s="576" t="s">
        <v>136</v>
      </c>
      <c r="J5" s="213"/>
      <c r="K5" s="214"/>
      <c r="L5" s="578" t="s">
        <v>25</v>
      </c>
      <c r="M5" s="579"/>
      <c r="N5" s="576" t="s">
        <v>136</v>
      </c>
      <c r="O5" s="213"/>
      <c r="P5" s="214"/>
      <c r="Q5" s="578" t="s">
        <v>25</v>
      </c>
      <c r="R5" s="579"/>
      <c r="S5" s="494"/>
    </row>
    <row r="6" spans="1:20" s="2" customFormat="1" ht="11.25" customHeight="1" x14ac:dyDescent="0.15">
      <c r="A6" s="553"/>
      <c r="B6" s="495"/>
      <c r="C6" s="521"/>
      <c r="D6" s="577"/>
      <c r="E6" s="180" t="s">
        <v>130</v>
      </c>
      <c r="F6" s="180" t="s">
        <v>131</v>
      </c>
      <c r="G6" s="544" t="s">
        <v>27</v>
      </c>
      <c r="H6" s="544" t="s">
        <v>28</v>
      </c>
      <c r="I6" s="577"/>
      <c r="J6" s="180" t="s">
        <v>130</v>
      </c>
      <c r="K6" s="180" t="s">
        <v>131</v>
      </c>
      <c r="L6" s="544" t="s">
        <v>27</v>
      </c>
      <c r="M6" s="544" t="s">
        <v>28</v>
      </c>
      <c r="N6" s="577"/>
      <c r="O6" s="180" t="s">
        <v>130</v>
      </c>
      <c r="P6" s="180" t="s">
        <v>131</v>
      </c>
      <c r="Q6" s="544" t="s">
        <v>27</v>
      </c>
      <c r="R6" s="544" t="s">
        <v>28</v>
      </c>
      <c r="S6" s="494"/>
    </row>
    <row r="7" spans="1:20" s="2" customFormat="1" ht="11.25" customHeight="1" x14ac:dyDescent="0.15">
      <c r="A7" s="553"/>
      <c r="B7" s="522"/>
      <c r="C7" s="523"/>
      <c r="D7" s="577"/>
      <c r="E7" s="180" t="s">
        <v>137</v>
      </c>
      <c r="F7" s="180" t="s">
        <v>138</v>
      </c>
      <c r="G7" s="545"/>
      <c r="H7" s="545"/>
      <c r="I7" s="577"/>
      <c r="J7" s="180" t="s">
        <v>137</v>
      </c>
      <c r="K7" s="180" t="s">
        <v>138</v>
      </c>
      <c r="L7" s="545"/>
      <c r="M7" s="545"/>
      <c r="N7" s="577"/>
      <c r="O7" s="180" t="s">
        <v>137</v>
      </c>
      <c r="P7" s="180" t="s">
        <v>138</v>
      </c>
      <c r="Q7" s="545"/>
      <c r="R7" s="545"/>
      <c r="S7" s="561"/>
    </row>
    <row r="8" spans="1:20" ht="13.5" customHeight="1" x14ac:dyDescent="0.15">
      <c r="A8" s="553"/>
      <c r="B8" s="132" t="s">
        <v>33</v>
      </c>
      <c r="C8" s="133" t="s">
        <v>78</v>
      </c>
      <c r="D8" s="134">
        <v>3120736</v>
      </c>
      <c r="E8" s="135">
        <v>1147706</v>
      </c>
      <c r="F8" s="215">
        <v>36.799999999999997</v>
      </c>
      <c r="G8" s="216">
        <v>1.57</v>
      </c>
      <c r="H8" s="217">
        <v>1.66</v>
      </c>
      <c r="I8" s="134">
        <v>1611879</v>
      </c>
      <c r="J8" s="135">
        <v>345391</v>
      </c>
      <c r="K8" s="215">
        <v>21.4</v>
      </c>
      <c r="L8" s="216">
        <v>1.24</v>
      </c>
      <c r="M8" s="217">
        <v>1.56</v>
      </c>
      <c r="N8" s="134">
        <v>1508857</v>
      </c>
      <c r="O8" s="135">
        <v>802315</v>
      </c>
      <c r="P8" s="215">
        <v>53.2</v>
      </c>
      <c r="Q8" s="216">
        <v>1.92</v>
      </c>
      <c r="R8" s="217">
        <v>1.77</v>
      </c>
      <c r="S8" s="132" t="s">
        <v>33</v>
      </c>
    </row>
    <row r="9" spans="1:20" ht="7.5" customHeight="1" x14ac:dyDescent="0.15">
      <c r="A9" s="553"/>
      <c r="B9" s="137"/>
      <c r="C9" s="138"/>
      <c r="D9" s="139"/>
      <c r="E9" s="140"/>
      <c r="F9" s="218"/>
      <c r="G9" s="219"/>
      <c r="H9" s="220"/>
      <c r="I9" s="139"/>
      <c r="J9" s="140"/>
      <c r="K9" s="218"/>
      <c r="L9" s="219"/>
      <c r="M9" s="220"/>
      <c r="N9" s="139"/>
      <c r="O9" s="140"/>
      <c r="P9" s="218"/>
      <c r="Q9" s="219"/>
      <c r="R9" s="220"/>
      <c r="S9" s="137"/>
    </row>
    <row r="10" spans="1:20" ht="13.5" customHeight="1" x14ac:dyDescent="0.15">
      <c r="A10" s="553"/>
      <c r="B10" s="137" t="s">
        <v>34</v>
      </c>
      <c r="C10" s="142" t="s">
        <v>79</v>
      </c>
      <c r="D10" s="139">
        <v>147321</v>
      </c>
      <c r="E10" s="140">
        <v>4110</v>
      </c>
      <c r="F10" s="218">
        <v>2.8</v>
      </c>
      <c r="G10" s="219">
        <v>0.67</v>
      </c>
      <c r="H10" s="220">
        <v>0.56000000000000005</v>
      </c>
      <c r="I10" s="139">
        <v>121311</v>
      </c>
      <c r="J10" s="140">
        <v>1087</v>
      </c>
      <c r="K10" s="218">
        <v>0.9</v>
      </c>
      <c r="L10" s="219">
        <v>0.62</v>
      </c>
      <c r="M10" s="220">
        <v>0.68</v>
      </c>
      <c r="N10" s="139">
        <v>26010</v>
      </c>
      <c r="O10" s="140">
        <v>3023</v>
      </c>
      <c r="P10" s="218">
        <v>11.6</v>
      </c>
      <c r="Q10" s="219">
        <v>0.92</v>
      </c>
      <c r="R10" s="220">
        <v>0.03</v>
      </c>
      <c r="S10" s="137" t="s">
        <v>34</v>
      </c>
    </row>
    <row r="11" spans="1:20" ht="13.5" customHeight="1" x14ac:dyDescent="0.15">
      <c r="A11" s="553"/>
      <c r="B11" s="132" t="s">
        <v>35</v>
      </c>
      <c r="C11" s="133" t="s">
        <v>80</v>
      </c>
      <c r="D11" s="143">
        <v>370631</v>
      </c>
      <c r="E11" s="144">
        <v>48987</v>
      </c>
      <c r="F11" s="221">
        <v>13.2</v>
      </c>
      <c r="G11" s="222">
        <v>0.71</v>
      </c>
      <c r="H11" s="223">
        <v>1.41</v>
      </c>
      <c r="I11" s="143">
        <v>272945</v>
      </c>
      <c r="J11" s="144">
        <v>14933</v>
      </c>
      <c r="K11" s="221">
        <v>5.5</v>
      </c>
      <c r="L11" s="222">
        <v>0.69</v>
      </c>
      <c r="M11" s="223">
        <v>1.19</v>
      </c>
      <c r="N11" s="143">
        <v>97686</v>
      </c>
      <c r="O11" s="144">
        <v>34054</v>
      </c>
      <c r="P11" s="221">
        <v>34.9</v>
      </c>
      <c r="Q11" s="222">
        <v>0.77</v>
      </c>
      <c r="R11" s="223">
        <v>2.0099999999999998</v>
      </c>
      <c r="S11" s="132" t="s">
        <v>35</v>
      </c>
    </row>
    <row r="12" spans="1:20" ht="13.5" customHeight="1" x14ac:dyDescent="0.15">
      <c r="A12" s="553"/>
      <c r="B12" s="137" t="s">
        <v>36</v>
      </c>
      <c r="C12" s="142" t="s">
        <v>81</v>
      </c>
      <c r="D12" s="139">
        <v>10187</v>
      </c>
      <c r="E12" s="140">
        <v>586</v>
      </c>
      <c r="F12" s="218">
        <v>5.8</v>
      </c>
      <c r="G12" s="219">
        <v>0</v>
      </c>
      <c r="H12" s="220">
        <v>0</v>
      </c>
      <c r="I12" s="139">
        <v>8600</v>
      </c>
      <c r="J12" s="140">
        <v>475</v>
      </c>
      <c r="K12" s="218">
        <v>5.5</v>
      </c>
      <c r="L12" s="219">
        <v>0</v>
      </c>
      <c r="M12" s="220">
        <v>0</v>
      </c>
      <c r="N12" s="139">
        <v>1587</v>
      </c>
      <c r="O12" s="140">
        <v>111</v>
      </c>
      <c r="P12" s="218">
        <v>7</v>
      </c>
      <c r="Q12" s="219">
        <v>0</v>
      </c>
      <c r="R12" s="220">
        <v>0</v>
      </c>
      <c r="S12" s="137" t="s">
        <v>36</v>
      </c>
    </row>
    <row r="13" spans="1:20" ht="13.5" customHeight="1" x14ac:dyDescent="0.15">
      <c r="A13" s="553"/>
      <c r="B13" s="132" t="s">
        <v>37</v>
      </c>
      <c r="C13" s="133" t="s">
        <v>82</v>
      </c>
      <c r="D13" s="143">
        <v>98134</v>
      </c>
      <c r="E13" s="144">
        <v>5801</v>
      </c>
      <c r="F13" s="221">
        <v>5.9</v>
      </c>
      <c r="G13" s="222">
        <v>0.83</v>
      </c>
      <c r="H13" s="223">
        <v>1.1599999999999999</v>
      </c>
      <c r="I13" s="143">
        <v>73244</v>
      </c>
      <c r="J13" s="144">
        <v>2521</v>
      </c>
      <c r="K13" s="221">
        <v>3.4</v>
      </c>
      <c r="L13" s="222">
        <v>0.94</v>
      </c>
      <c r="M13" s="223">
        <v>1.17</v>
      </c>
      <c r="N13" s="143">
        <v>24890</v>
      </c>
      <c r="O13" s="144">
        <v>3280</v>
      </c>
      <c r="P13" s="221">
        <v>13.2</v>
      </c>
      <c r="Q13" s="222">
        <v>0.52</v>
      </c>
      <c r="R13" s="223">
        <v>1.1499999999999999</v>
      </c>
      <c r="S13" s="132" t="s">
        <v>37</v>
      </c>
    </row>
    <row r="14" spans="1:20" ht="13.5" customHeight="1" x14ac:dyDescent="0.15">
      <c r="A14" s="553"/>
      <c r="B14" s="137" t="s">
        <v>38</v>
      </c>
      <c r="C14" s="142" t="s">
        <v>83</v>
      </c>
      <c r="D14" s="139">
        <v>192273</v>
      </c>
      <c r="E14" s="140">
        <v>47321</v>
      </c>
      <c r="F14" s="218">
        <v>24.6</v>
      </c>
      <c r="G14" s="219">
        <v>0.93</v>
      </c>
      <c r="H14" s="220">
        <v>1.25</v>
      </c>
      <c r="I14" s="139">
        <v>140220</v>
      </c>
      <c r="J14" s="140">
        <v>17914</v>
      </c>
      <c r="K14" s="218">
        <v>12.8</v>
      </c>
      <c r="L14" s="219">
        <v>0.87</v>
      </c>
      <c r="M14" s="220">
        <v>0.94</v>
      </c>
      <c r="N14" s="139">
        <v>52053</v>
      </c>
      <c r="O14" s="140">
        <v>29407</v>
      </c>
      <c r="P14" s="218">
        <v>56.5</v>
      </c>
      <c r="Q14" s="219">
        <v>1.1100000000000001</v>
      </c>
      <c r="R14" s="220">
        <v>2.09</v>
      </c>
      <c r="S14" s="137" t="s">
        <v>38</v>
      </c>
    </row>
    <row r="15" spans="1:20" ht="13.5" customHeight="1" x14ac:dyDescent="0.15">
      <c r="A15" s="553"/>
      <c r="B15" s="132" t="s">
        <v>39</v>
      </c>
      <c r="C15" s="133" t="s">
        <v>84</v>
      </c>
      <c r="D15" s="143">
        <v>551044</v>
      </c>
      <c r="E15" s="144">
        <v>308923</v>
      </c>
      <c r="F15" s="221">
        <v>56.1</v>
      </c>
      <c r="G15" s="222">
        <v>1.8</v>
      </c>
      <c r="H15" s="223">
        <v>1.43</v>
      </c>
      <c r="I15" s="143">
        <v>216418</v>
      </c>
      <c r="J15" s="144">
        <v>75219</v>
      </c>
      <c r="K15" s="221">
        <v>34.799999999999997</v>
      </c>
      <c r="L15" s="222">
        <v>2.0699999999999998</v>
      </c>
      <c r="M15" s="223">
        <v>1.69</v>
      </c>
      <c r="N15" s="143">
        <v>334626</v>
      </c>
      <c r="O15" s="144">
        <v>233704</v>
      </c>
      <c r="P15" s="221">
        <v>69.8</v>
      </c>
      <c r="Q15" s="222">
        <v>1.63</v>
      </c>
      <c r="R15" s="223">
        <v>1.26</v>
      </c>
      <c r="S15" s="132" t="s">
        <v>39</v>
      </c>
    </row>
    <row r="16" spans="1:20" ht="13.5" customHeight="1" x14ac:dyDescent="0.15">
      <c r="A16" s="553"/>
      <c r="B16" s="137" t="s">
        <v>40</v>
      </c>
      <c r="C16" s="142" t="s">
        <v>85</v>
      </c>
      <c r="D16" s="139">
        <v>47560</v>
      </c>
      <c r="E16" s="140">
        <v>6336</v>
      </c>
      <c r="F16" s="218">
        <v>13.3</v>
      </c>
      <c r="G16" s="219">
        <v>0.95</v>
      </c>
      <c r="H16" s="220">
        <v>0.75</v>
      </c>
      <c r="I16" s="139">
        <v>19207</v>
      </c>
      <c r="J16" s="140">
        <v>384</v>
      </c>
      <c r="K16" s="218">
        <v>2</v>
      </c>
      <c r="L16" s="219">
        <v>0.05</v>
      </c>
      <c r="M16" s="220">
        <v>0.05</v>
      </c>
      <c r="N16" s="139">
        <v>28353</v>
      </c>
      <c r="O16" s="140">
        <v>5952</v>
      </c>
      <c r="P16" s="218">
        <v>21</v>
      </c>
      <c r="Q16" s="219">
        <v>1.55</v>
      </c>
      <c r="R16" s="220">
        <v>1.23</v>
      </c>
      <c r="S16" s="137" t="s">
        <v>40</v>
      </c>
    </row>
    <row r="17" spans="1:19" ht="13.5" customHeight="1" x14ac:dyDescent="0.15">
      <c r="A17" s="553"/>
      <c r="B17" s="132" t="s">
        <v>41</v>
      </c>
      <c r="C17" s="133" t="s">
        <v>86</v>
      </c>
      <c r="D17" s="143">
        <v>53531</v>
      </c>
      <c r="E17" s="144">
        <v>15001</v>
      </c>
      <c r="F17" s="221">
        <v>28</v>
      </c>
      <c r="G17" s="222">
        <v>2</v>
      </c>
      <c r="H17" s="223">
        <v>1.49</v>
      </c>
      <c r="I17" s="143">
        <v>35442</v>
      </c>
      <c r="J17" s="144">
        <v>8527</v>
      </c>
      <c r="K17" s="221">
        <v>24.1</v>
      </c>
      <c r="L17" s="222">
        <v>2.29</v>
      </c>
      <c r="M17" s="223">
        <v>0.95</v>
      </c>
      <c r="N17" s="143">
        <v>18089</v>
      </c>
      <c r="O17" s="144">
        <v>6474</v>
      </c>
      <c r="P17" s="221">
        <v>35.799999999999997</v>
      </c>
      <c r="Q17" s="222">
        <v>1.44</v>
      </c>
      <c r="R17" s="223">
        <v>2.5299999999999998</v>
      </c>
      <c r="S17" s="132" t="s">
        <v>41</v>
      </c>
    </row>
    <row r="18" spans="1:19" ht="13.5" customHeight="1" x14ac:dyDescent="0.15">
      <c r="A18" s="553"/>
      <c r="B18" s="137" t="s">
        <v>42</v>
      </c>
      <c r="C18" s="142" t="s">
        <v>87</v>
      </c>
      <c r="D18" s="139">
        <v>148148</v>
      </c>
      <c r="E18" s="140">
        <v>9781</v>
      </c>
      <c r="F18" s="218">
        <v>6.6</v>
      </c>
      <c r="G18" s="219">
        <v>0.94</v>
      </c>
      <c r="H18" s="220">
        <v>0.96</v>
      </c>
      <c r="I18" s="139">
        <v>103458</v>
      </c>
      <c r="J18" s="140">
        <v>1384</v>
      </c>
      <c r="K18" s="218">
        <v>1.3</v>
      </c>
      <c r="L18" s="219">
        <v>0.47</v>
      </c>
      <c r="M18" s="220">
        <v>0.43</v>
      </c>
      <c r="N18" s="139">
        <v>44690</v>
      </c>
      <c r="O18" s="140">
        <v>8397</v>
      </c>
      <c r="P18" s="218">
        <v>18.8</v>
      </c>
      <c r="Q18" s="219">
        <v>2.02</v>
      </c>
      <c r="R18" s="220">
        <v>2.2000000000000002</v>
      </c>
      <c r="S18" s="137" t="s">
        <v>42</v>
      </c>
    </row>
    <row r="19" spans="1:19" ht="13.5" customHeight="1" x14ac:dyDescent="0.15">
      <c r="A19" s="553"/>
      <c r="B19" s="132" t="s">
        <v>43</v>
      </c>
      <c r="C19" s="133" t="s">
        <v>88</v>
      </c>
      <c r="D19" s="143">
        <v>294164</v>
      </c>
      <c r="E19" s="144">
        <v>243596</v>
      </c>
      <c r="F19" s="221">
        <v>82.8</v>
      </c>
      <c r="G19" s="222">
        <v>3.4</v>
      </c>
      <c r="H19" s="223">
        <v>3.71</v>
      </c>
      <c r="I19" s="143">
        <v>117857</v>
      </c>
      <c r="J19" s="144">
        <v>86991</v>
      </c>
      <c r="K19" s="221">
        <v>73.8</v>
      </c>
      <c r="L19" s="222">
        <v>2.5499999999999998</v>
      </c>
      <c r="M19" s="223">
        <v>4.79</v>
      </c>
      <c r="N19" s="143">
        <v>176307</v>
      </c>
      <c r="O19" s="144">
        <v>156605</v>
      </c>
      <c r="P19" s="221">
        <v>88.8</v>
      </c>
      <c r="Q19" s="222">
        <v>3.98</v>
      </c>
      <c r="R19" s="223">
        <v>2.96</v>
      </c>
      <c r="S19" s="132" t="s">
        <v>43</v>
      </c>
    </row>
    <row r="20" spans="1:19" ht="13.5" customHeight="1" x14ac:dyDescent="0.15">
      <c r="A20" s="553"/>
      <c r="B20" s="137" t="s">
        <v>44</v>
      </c>
      <c r="C20" s="142" t="s">
        <v>89</v>
      </c>
      <c r="D20" s="139">
        <v>113516</v>
      </c>
      <c r="E20" s="140">
        <v>54363</v>
      </c>
      <c r="F20" s="218">
        <v>47.9</v>
      </c>
      <c r="G20" s="219">
        <v>1.64</v>
      </c>
      <c r="H20" s="220">
        <v>2.13</v>
      </c>
      <c r="I20" s="139">
        <v>49761</v>
      </c>
      <c r="J20" s="140">
        <v>22000</v>
      </c>
      <c r="K20" s="218">
        <v>44.2</v>
      </c>
      <c r="L20" s="219">
        <v>2.33</v>
      </c>
      <c r="M20" s="220">
        <v>2.93</v>
      </c>
      <c r="N20" s="139">
        <v>63755</v>
      </c>
      <c r="O20" s="140">
        <v>32363</v>
      </c>
      <c r="P20" s="218">
        <v>50.8</v>
      </c>
      <c r="Q20" s="219">
        <v>1.1100000000000001</v>
      </c>
      <c r="R20" s="220">
        <v>1.5</v>
      </c>
      <c r="S20" s="137" t="s">
        <v>44</v>
      </c>
    </row>
    <row r="21" spans="1:19" ht="13.5" customHeight="1" x14ac:dyDescent="0.15">
      <c r="A21" s="553"/>
      <c r="B21" s="132" t="s">
        <v>45</v>
      </c>
      <c r="C21" s="133" t="s">
        <v>90</v>
      </c>
      <c r="D21" s="143">
        <v>222955</v>
      </c>
      <c r="E21" s="144">
        <v>76842</v>
      </c>
      <c r="F21" s="221">
        <v>34.5</v>
      </c>
      <c r="G21" s="222">
        <v>0.37</v>
      </c>
      <c r="H21" s="223">
        <v>1.59</v>
      </c>
      <c r="I21" s="143">
        <v>114235</v>
      </c>
      <c r="J21" s="144">
        <v>35031</v>
      </c>
      <c r="K21" s="221">
        <v>30.7</v>
      </c>
      <c r="L21" s="222">
        <v>0.44</v>
      </c>
      <c r="M21" s="223">
        <v>1.1299999999999999</v>
      </c>
      <c r="N21" s="143">
        <v>108720</v>
      </c>
      <c r="O21" s="144">
        <v>41811</v>
      </c>
      <c r="P21" s="221">
        <v>38.5</v>
      </c>
      <c r="Q21" s="222">
        <v>0.31</v>
      </c>
      <c r="R21" s="223">
        <v>2.08</v>
      </c>
      <c r="S21" s="132" t="s">
        <v>45</v>
      </c>
    </row>
    <row r="22" spans="1:19" ht="13.5" customHeight="1" x14ac:dyDescent="0.15">
      <c r="A22" s="553"/>
      <c r="B22" s="137" t="s">
        <v>46</v>
      </c>
      <c r="C22" s="142" t="s">
        <v>91</v>
      </c>
      <c r="D22" s="139">
        <v>552206</v>
      </c>
      <c r="E22" s="140">
        <v>234594</v>
      </c>
      <c r="F22" s="218">
        <v>42.5</v>
      </c>
      <c r="G22" s="219">
        <v>1.37</v>
      </c>
      <c r="H22" s="220">
        <v>1.62</v>
      </c>
      <c r="I22" s="139">
        <v>148985</v>
      </c>
      <c r="J22" s="140">
        <v>44364</v>
      </c>
      <c r="K22" s="218">
        <v>29.8</v>
      </c>
      <c r="L22" s="219">
        <v>0.63</v>
      </c>
      <c r="M22" s="220">
        <v>1.72</v>
      </c>
      <c r="N22" s="139">
        <v>403221</v>
      </c>
      <c r="O22" s="140">
        <v>190230</v>
      </c>
      <c r="P22" s="218">
        <v>47.2</v>
      </c>
      <c r="Q22" s="219">
        <v>1.65</v>
      </c>
      <c r="R22" s="220">
        <v>1.59</v>
      </c>
      <c r="S22" s="137" t="s">
        <v>46</v>
      </c>
    </row>
    <row r="23" spans="1:19" ht="13.5" customHeight="1" x14ac:dyDescent="0.15">
      <c r="A23" s="553"/>
      <c r="B23" s="132" t="s">
        <v>47</v>
      </c>
      <c r="C23" s="133" t="s">
        <v>92</v>
      </c>
      <c r="D23" s="146">
        <v>14152</v>
      </c>
      <c r="E23" s="147">
        <v>1192</v>
      </c>
      <c r="F23" s="224">
        <v>8.4</v>
      </c>
      <c r="G23" s="225">
        <v>0.85</v>
      </c>
      <c r="H23" s="226">
        <v>2.38</v>
      </c>
      <c r="I23" s="146">
        <v>8188</v>
      </c>
      <c r="J23" s="147">
        <v>241</v>
      </c>
      <c r="K23" s="224">
        <v>2.9</v>
      </c>
      <c r="L23" s="225">
        <v>0.02</v>
      </c>
      <c r="M23" s="226">
        <v>0.66</v>
      </c>
      <c r="N23" s="146">
        <v>5964</v>
      </c>
      <c r="O23" s="147">
        <v>951</v>
      </c>
      <c r="P23" s="224">
        <v>15.9</v>
      </c>
      <c r="Q23" s="225">
        <v>1.96</v>
      </c>
      <c r="R23" s="226">
        <v>4.7</v>
      </c>
      <c r="S23" s="132" t="s">
        <v>47</v>
      </c>
    </row>
    <row r="24" spans="1:19" ht="13.5" customHeight="1" x14ac:dyDescent="0.15">
      <c r="A24" s="553"/>
      <c r="B24" s="137" t="s">
        <v>48</v>
      </c>
      <c r="C24" s="142" t="s">
        <v>93</v>
      </c>
      <c r="D24" s="139">
        <v>304914</v>
      </c>
      <c r="E24" s="140">
        <v>90273</v>
      </c>
      <c r="F24" s="218">
        <v>29.6</v>
      </c>
      <c r="G24" s="219">
        <v>3.14</v>
      </c>
      <c r="H24" s="220">
        <v>1.81</v>
      </c>
      <c r="I24" s="139">
        <v>182008</v>
      </c>
      <c r="J24" s="140">
        <v>34320</v>
      </c>
      <c r="K24" s="218">
        <v>18.899999999999999</v>
      </c>
      <c r="L24" s="219">
        <v>2.2599999999999998</v>
      </c>
      <c r="M24" s="220">
        <v>1.84</v>
      </c>
      <c r="N24" s="139">
        <v>122906</v>
      </c>
      <c r="O24" s="140">
        <v>55953</v>
      </c>
      <c r="P24" s="218">
        <v>45.5</v>
      </c>
      <c r="Q24" s="219">
        <v>4.47</v>
      </c>
      <c r="R24" s="220">
        <v>1.77</v>
      </c>
      <c r="S24" s="137" t="s">
        <v>48</v>
      </c>
    </row>
    <row r="25" spans="1:19" ht="7.5" customHeight="1" x14ac:dyDescent="0.15">
      <c r="A25" s="553"/>
      <c r="B25" s="137"/>
      <c r="C25" s="142"/>
      <c r="D25" s="139"/>
      <c r="E25" s="140"/>
      <c r="F25" s="218"/>
      <c r="G25" s="219"/>
      <c r="H25" s="220"/>
      <c r="I25" s="139"/>
      <c r="J25" s="140"/>
      <c r="K25" s="218"/>
      <c r="L25" s="219"/>
      <c r="M25" s="220"/>
      <c r="N25" s="139"/>
      <c r="O25" s="140"/>
      <c r="P25" s="218"/>
      <c r="Q25" s="219"/>
      <c r="R25" s="220"/>
      <c r="S25" s="137"/>
    </row>
    <row r="26" spans="1:19" ht="13.5" customHeight="1" x14ac:dyDescent="0.15">
      <c r="A26" s="553"/>
      <c r="B26" s="132" t="s">
        <v>49</v>
      </c>
      <c r="C26" s="133" t="s">
        <v>94</v>
      </c>
      <c r="D26" s="143">
        <v>52309</v>
      </c>
      <c r="E26" s="144">
        <v>27799</v>
      </c>
      <c r="F26" s="221">
        <v>53.1</v>
      </c>
      <c r="G26" s="222">
        <v>0.6</v>
      </c>
      <c r="H26" s="223">
        <v>1.53</v>
      </c>
      <c r="I26" s="143">
        <v>25086</v>
      </c>
      <c r="J26" s="144">
        <v>7814</v>
      </c>
      <c r="K26" s="221">
        <v>31.1</v>
      </c>
      <c r="L26" s="222">
        <v>0.59</v>
      </c>
      <c r="M26" s="223">
        <v>0.79</v>
      </c>
      <c r="N26" s="143">
        <v>27223</v>
      </c>
      <c r="O26" s="144">
        <v>19985</v>
      </c>
      <c r="P26" s="221">
        <v>73.400000000000006</v>
      </c>
      <c r="Q26" s="222">
        <v>0.61</v>
      </c>
      <c r="R26" s="223">
        <v>2.21</v>
      </c>
      <c r="S26" s="132" t="s">
        <v>49</v>
      </c>
    </row>
    <row r="27" spans="1:19" ht="13.5" customHeight="1" x14ac:dyDescent="0.15">
      <c r="A27" s="553"/>
      <c r="B27" s="137" t="s">
        <v>50</v>
      </c>
      <c r="C27" s="142" t="s">
        <v>95</v>
      </c>
      <c r="D27" s="149">
        <v>1485</v>
      </c>
      <c r="E27" s="150">
        <v>235</v>
      </c>
      <c r="F27" s="227">
        <v>15.8</v>
      </c>
      <c r="G27" s="228">
        <v>0.34</v>
      </c>
      <c r="H27" s="229">
        <v>0.2</v>
      </c>
      <c r="I27" s="149">
        <v>1040</v>
      </c>
      <c r="J27" s="150">
        <v>93</v>
      </c>
      <c r="K27" s="227">
        <v>8.9</v>
      </c>
      <c r="L27" s="228">
        <v>0.48</v>
      </c>
      <c r="M27" s="229">
        <v>0.28999999999999998</v>
      </c>
      <c r="N27" s="149">
        <v>445</v>
      </c>
      <c r="O27" s="150">
        <v>142</v>
      </c>
      <c r="P27" s="227">
        <v>31.9</v>
      </c>
      <c r="Q27" s="228">
        <v>0</v>
      </c>
      <c r="R27" s="229">
        <v>0</v>
      </c>
      <c r="S27" s="137" t="s">
        <v>50</v>
      </c>
    </row>
    <row r="28" spans="1:19" ht="13.5" customHeight="1" x14ac:dyDescent="0.15">
      <c r="A28" s="553"/>
      <c r="B28" s="132" t="s">
        <v>51</v>
      </c>
      <c r="C28" s="133" t="s">
        <v>96</v>
      </c>
      <c r="D28" s="146">
        <v>725</v>
      </c>
      <c r="E28" s="147">
        <v>96</v>
      </c>
      <c r="F28" s="224">
        <v>13.2</v>
      </c>
      <c r="G28" s="225">
        <v>1.38</v>
      </c>
      <c r="H28" s="226">
        <v>1.24</v>
      </c>
      <c r="I28" s="146">
        <v>473</v>
      </c>
      <c r="J28" s="147">
        <v>30</v>
      </c>
      <c r="K28" s="224">
        <v>6.3</v>
      </c>
      <c r="L28" s="225">
        <v>1.71</v>
      </c>
      <c r="M28" s="226">
        <v>0.85</v>
      </c>
      <c r="N28" s="146">
        <v>252</v>
      </c>
      <c r="O28" s="147">
        <v>66</v>
      </c>
      <c r="P28" s="224">
        <v>26.2</v>
      </c>
      <c r="Q28" s="225">
        <v>0.78</v>
      </c>
      <c r="R28" s="226">
        <v>1.96</v>
      </c>
      <c r="S28" s="132" t="s">
        <v>51</v>
      </c>
    </row>
    <row r="29" spans="1:19" ht="13.5" customHeight="1" x14ac:dyDescent="0.15">
      <c r="A29" s="553"/>
      <c r="B29" s="137" t="s">
        <v>52</v>
      </c>
      <c r="C29" s="142" t="s">
        <v>97</v>
      </c>
      <c r="D29" s="139">
        <v>6210</v>
      </c>
      <c r="E29" s="140">
        <v>145</v>
      </c>
      <c r="F29" s="218">
        <v>2.2999999999999998</v>
      </c>
      <c r="G29" s="219">
        <v>2.62</v>
      </c>
      <c r="H29" s="220">
        <v>1.43</v>
      </c>
      <c r="I29" s="139">
        <v>4915</v>
      </c>
      <c r="J29" s="140">
        <v>122</v>
      </c>
      <c r="K29" s="218">
        <v>2.5</v>
      </c>
      <c r="L29" s="219">
        <v>2.58</v>
      </c>
      <c r="M29" s="220">
        <v>1.8</v>
      </c>
      <c r="N29" s="139">
        <v>1295</v>
      </c>
      <c r="O29" s="140">
        <v>23</v>
      </c>
      <c r="P29" s="218">
        <v>1.8</v>
      </c>
      <c r="Q29" s="219">
        <v>2.78</v>
      </c>
      <c r="R29" s="220">
        <v>0</v>
      </c>
      <c r="S29" s="137" t="s">
        <v>52</v>
      </c>
    </row>
    <row r="30" spans="1:19" ht="13.5" customHeight="1" x14ac:dyDescent="0.15">
      <c r="A30" s="553"/>
      <c r="B30" s="132" t="s">
        <v>53</v>
      </c>
      <c r="C30" s="133" t="s">
        <v>98</v>
      </c>
      <c r="D30" s="143">
        <v>7460</v>
      </c>
      <c r="E30" s="144">
        <v>1223</v>
      </c>
      <c r="F30" s="221">
        <v>16.399999999999999</v>
      </c>
      <c r="G30" s="222">
        <v>0.2</v>
      </c>
      <c r="H30" s="223">
        <v>0.63</v>
      </c>
      <c r="I30" s="143">
        <v>4413</v>
      </c>
      <c r="J30" s="144">
        <v>202</v>
      </c>
      <c r="K30" s="221">
        <v>4.5999999999999996</v>
      </c>
      <c r="L30" s="222">
        <v>0.16</v>
      </c>
      <c r="M30" s="223">
        <v>0.92</v>
      </c>
      <c r="N30" s="143">
        <v>3047</v>
      </c>
      <c r="O30" s="144">
        <v>1021</v>
      </c>
      <c r="P30" s="221">
        <v>33.5</v>
      </c>
      <c r="Q30" s="222">
        <v>0.26</v>
      </c>
      <c r="R30" s="223">
        <v>0.2</v>
      </c>
      <c r="S30" s="132" t="s">
        <v>53</v>
      </c>
    </row>
    <row r="31" spans="1:19" ht="13.5" customHeight="1" x14ac:dyDescent="0.15">
      <c r="A31" s="553"/>
      <c r="B31" s="137" t="s">
        <v>54</v>
      </c>
      <c r="C31" s="142" t="s">
        <v>99</v>
      </c>
      <c r="D31" s="139">
        <v>28036</v>
      </c>
      <c r="E31" s="140">
        <v>2380</v>
      </c>
      <c r="F31" s="218">
        <v>8.5</v>
      </c>
      <c r="G31" s="219">
        <v>0.87</v>
      </c>
      <c r="H31" s="220">
        <v>5.27</v>
      </c>
      <c r="I31" s="139">
        <v>17190</v>
      </c>
      <c r="J31" s="140">
        <v>291</v>
      </c>
      <c r="K31" s="218">
        <v>1.7</v>
      </c>
      <c r="L31" s="219">
        <v>1.1499999999999999</v>
      </c>
      <c r="M31" s="220">
        <v>4.93</v>
      </c>
      <c r="N31" s="139">
        <v>10846</v>
      </c>
      <c r="O31" s="140">
        <v>2089</v>
      </c>
      <c r="P31" s="218">
        <v>19.3</v>
      </c>
      <c r="Q31" s="219">
        <v>0.44</v>
      </c>
      <c r="R31" s="220">
        <v>5.81</v>
      </c>
      <c r="S31" s="137" t="s">
        <v>54</v>
      </c>
    </row>
    <row r="32" spans="1:19" ht="13.5" customHeight="1" x14ac:dyDescent="0.15">
      <c r="A32" s="553"/>
      <c r="B32" s="132" t="s">
        <v>55</v>
      </c>
      <c r="C32" s="133" t="s">
        <v>100</v>
      </c>
      <c r="D32" s="143">
        <v>17505</v>
      </c>
      <c r="E32" s="144">
        <v>3855</v>
      </c>
      <c r="F32" s="221">
        <v>22</v>
      </c>
      <c r="G32" s="222">
        <v>7.0000000000000007E-2</v>
      </c>
      <c r="H32" s="223">
        <v>0.68</v>
      </c>
      <c r="I32" s="143">
        <v>11293</v>
      </c>
      <c r="J32" s="144">
        <v>940</v>
      </c>
      <c r="K32" s="221">
        <v>8.3000000000000007</v>
      </c>
      <c r="L32" s="222">
        <v>0.11</v>
      </c>
      <c r="M32" s="223">
        <v>1.04</v>
      </c>
      <c r="N32" s="143">
        <v>6212</v>
      </c>
      <c r="O32" s="144">
        <v>2915</v>
      </c>
      <c r="P32" s="221">
        <v>46.9</v>
      </c>
      <c r="Q32" s="222">
        <v>0</v>
      </c>
      <c r="R32" s="223">
        <v>0</v>
      </c>
      <c r="S32" s="132" t="s">
        <v>55</v>
      </c>
    </row>
    <row r="33" spans="1:19" ht="13.5" customHeight="1" x14ac:dyDescent="0.15">
      <c r="A33" s="553"/>
      <c r="B33" s="137" t="s">
        <v>56</v>
      </c>
      <c r="C33" s="142" t="s">
        <v>101</v>
      </c>
      <c r="D33" s="139">
        <v>3586</v>
      </c>
      <c r="E33" s="140">
        <v>205</v>
      </c>
      <c r="F33" s="218">
        <v>5.7</v>
      </c>
      <c r="G33" s="219">
        <v>0.95</v>
      </c>
      <c r="H33" s="220">
        <v>0.48</v>
      </c>
      <c r="I33" s="139">
        <v>2822</v>
      </c>
      <c r="J33" s="140">
        <v>72</v>
      </c>
      <c r="K33" s="218">
        <v>2.6</v>
      </c>
      <c r="L33" s="219">
        <v>0.67</v>
      </c>
      <c r="M33" s="220">
        <v>0.6</v>
      </c>
      <c r="N33" s="139">
        <v>764</v>
      </c>
      <c r="O33" s="140">
        <v>133</v>
      </c>
      <c r="P33" s="218">
        <v>17.399999999999999</v>
      </c>
      <c r="Q33" s="219">
        <v>2</v>
      </c>
      <c r="R33" s="220">
        <v>0</v>
      </c>
      <c r="S33" s="137" t="s">
        <v>56</v>
      </c>
    </row>
    <row r="34" spans="1:19" ht="13.5" customHeight="1" x14ac:dyDescent="0.15">
      <c r="A34" s="553"/>
      <c r="B34" s="132" t="s">
        <v>57</v>
      </c>
      <c r="C34" s="133" t="s">
        <v>102</v>
      </c>
      <c r="D34" s="143">
        <v>8669</v>
      </c>
      <c r="E34" s="144">
        <v>144</v>
      </c>
      <c r="F34" s="221">
        <v>1.7</v>
      </c>
      <c r="G34" s="222">
        <v>1.58</v>
      </c>
      <c r="H34" s="223">
        <v>1.85</v>
      </c>
      <c r="I34" s="143">
        <v>7086</v>
      </c>
      <c r="J34" s="144">
        <v>94</v>
      </c>
      <c r="K34" s="221">
        <v>1.3</v>
      </c>
      <c r="L34" s="222">
        <v>1.88</v>
      </c>
      <c r="M34" s="223">
        <v>2.2400000000000002</v>
      </c>
      <c r="N34" s="143">
        <v>1583</v>
      </c>
      <c r="O34" s="144">
        <v>50</v>
      </c>
      <c r="P34" s="221">
        <v>3.2</v>
      </c>
      <c r="Q34" s="222">
        <v>0.19</v>
      </c>
      <c r="R34" s="223">
        <v>0.13</v>
      </c>
      <c r="S34" s="132" t="s">
        <v>57</v>
      </c>
    </row>
    <row r="35" spans="1:19" ht="13.5" customHeight="1" x14ac:dyDescent="0.15">
      <c r="A35" s="553"/>
      <c r="B35" s="137" t="s">
        <v>58</v>
      </c>
      <c r="C35" s="142" t="s">
        <v>103</v>
      </c>
      <c r="D35" s="139">
        <v>7465</v>
      </c>
      <c r="E35" s="140">
        <v>100</v>
      </c>
      <c r="F35" s="218">
        <v>1.3</v>
      </c>
      <c r="G35" s="219">
        <v>0.25</v>
      </c>
      <c r="H35" s="220">
        <v>0.8</v>
      </c>
      <c r="I35" s="139">
        <v>6267</v>
      </c>
      <c r="J35" s="140">
        <v>57</v>
      </c>
      <c r="K35" s="218">
        <v>0.9</v>
      </c>
      <c r="L35" s="219">
        <v>0.28999999999999998</v>
      </c>
      <c r="M35" s="220">
        <v>0.92</v>
      </c>
      <c r="N35" s="139">
        <v>1198</v>
      </c>
      <c r="O35" s="140">
        <v>43</v>
      </c>
      <c r="P35" s="218">
        <v>3.6</v>
      </c>
      <c r="Q35" s="219">
        <v>0.08</v>
      </c>
      <c r="R35" s="220">
        <v>0.17</v>
      </c>
      <c r="S35" s="137" t="s">
        <v>58</v>
      </c>
    </row>
    <row r="36" spans="1:19" ht="13.5" customHeight="1" x14ac:dyDescent="0.15">
      <c r="A36" s="553"/>
      <c r="B36" s="132" t="s">
        <v>59</v>
      </c>
      <c r="C36" s="133" t="s">
        <v>104</v>
      </c>
      <c r="D36" s="143">
        <v>8020</v>
      </c>
      <c r="E36" s="144">
        <v>69</v>
      </c>
      <c r="F36" s="221">
        <v>0.9</v>
      </c>
      <c r="G36" s="222">
        <v>1.26</v>
      </c>
      <c r="H36" s="223">
        <v>0.15</v>
      </c>
      <c r="I36" s="143">
        <v>6895</v>
      </c>
      <c r="J36" s="144">
        <v>1</v>
      </c>
      <c r="K36" s="221">
        <v>0</v>
      </c>
      <c r="L36" s="222">
        <v>0.7</v>
      </c>
      <c r="M36" s="223">
        <v>0</v>
      </c>
      <c r="N36" s="143">
        <v>1125</v>
      </c>
      <c r="O36" s="144">
        <v>68</v>
      </c>
      <c r="P36" s="221">
        <v>6</v>
      </c>
      <c r="Q36" s="222">
        <v>4.79</v>
      </c>
      <c r="R36" s="223">
        <v>1.1100000000000001</v>
      </c>
      <c r="S36" s="132" t="s">
        <v>59</v>
      </c>
    </row>
    <row r="37" spans="1:19" ht="13.5" customHeight="1" x14ac:dyDescent="0.15">
      <c r="A37" s="553"/>
      <c r="B37" s="137" t="s">
        <v>60</v>
      </c>
      <c r="C37" s="142" t="s">
        <v>105</v>
      </c>
      <c r="D37" s="139">
        <v>26186</v>
      </c>
      <c r="E37" s="140">
        <v>2548</v>
      </c>
      <c r="F37" s="218">
        <v>9.6999999999999993</v>
      </c>
      <c r="G37" s="219">
        <v>0.51</v>
      </c>
      <c r="H37" s="220">
        <v>1.48</v>
      </c>
      <c r="I37" s="139">
        <v>19482</v>
      </c>
      <c r="J37" s="140">
        <v>1098</v>
      </c>
      <c r="K37" s="218">
        <v>5.6</v>
      </c>
      <c r="L37" s="219">
        <v>0.24</v>
      </c>
      <c r="M37" s="220">
        <v>0.16</v>
      </c>
      <c r="N37" s="139">
        <v>6704</v>
      </c>
      <c r="O37" s="140">
        <v>1450</v>
      </c>
      <c r="P37" s="218">
        <v>21.6</v>
      </c>
      <c r="Q37" s="219">
        <v>1.29</v>
      </c>
      <c r="R37" s="220">
        <v>5.16</v>
      </c>
      <c r="S37" s="137" t="s">
        <v>60</v>
      </c>
    </row>
    <row r="38" spans="1:19" ht="13.5" customHeight="1" x14ac:dyDescent="0.15">
      <c r="A38" s="553"/>
      <c r="B38" s="132" t="s">
        <v>61</v>
      </c>
      <c r="C38" s="133" t="s">
        <v>106</v>
      </c>
      <c r="D38" s="143">
        <v>20871</v>
      </c>
      <c r="E38" s="144">
        <v>210</v>
      </c>
      <c r="F38" s="221">
        <v>1</v>
      </c>
      <c r="G38" s="222">
        <v>1.62</v>
      </c>
      <c r="H38" s="223">
        <v>1.59</v>
      </c>
      <c r="I38" s="143">
        <v>17391</v>
      </c>
      <c r="J38" s="144">
        <v>42</v>
      </c>
      <c r="K38" s="221">
        <v>0.2</v>
      </c>
      <c r="L38" s="222">
        <v>1.91</v>
      </c>
      <c r="M38" s="223">
        <v>1.42</v>
      </c>
      <c r="N38" s="143">
        <v>3480</v>
      </c>
      <c r="O38" s="144">
        <v>168</v>
      </c>
      <c r="P38" s="221">
        <v>4.8</v>
      </c>
      <c r="Q38" s="222">
        <v>0.2</v>
      </c>
      <c r="R38" s="223">
        <v>2.42</v>
      </c>
      <c r="S38" s="132" t="s">
        <v>61</v>
      </c>
    </row>
    <row r="39" spans="1:19" ht="13.5" customHeight="1" x14ac:dyDescent="0.15">
      <c r="A39" s="553"/>
      <c r="B39" s="137" t="s">
        <v>62</v>
      </c>
      <c r="C39" s="142" t="s">
        <v>107</v>
      </c>
      <c r="D39" s="139">
        <v>26756</v>
      </c>
      <c r="E39" s="140">
        <v>1205</v>
      </c>
      <c r="F39" s="218">
        <v>4.5</v>
      </c>
      <c r="G39" s="219">
        <v>0.25</v>
      </c>
      <c r="H39" s="220">
        <v>1.06</v>
      </c>
      <c r="I39" s="139">
        <v>22828</v>
      </c>
      <c r="J39" s="140">
        <v>776</v>
      </c>
      <c r="K39" s="218">
        <v>3.4</v>
      </c>
      <c r="L39" s="219">
        <v>0.25</v>
      </c>
      <c r="M39" s="220">
        <v>0.87</v>
      </c>
      <c r="N39" s="139">
        <v>3928</v>
      </c>
      <c r="O39" s="140">
        <v>429</v>
      </c>
      <c r="P39" s="218">
        <v>10.9</v>
      </c>
      <c r="Q39" s="219">
        <v>0.22</v>
      </c>
      <c r="R39" s="220">
        <v>2.17</v>
      </c>
      <c r="S39" s="137" t="s">
        <v>62</v>
      </c>
    </row>
    <row r="40" spans="1:19" ht="13.5" customHeight="1" x14ac:dyDescent="0.15">
      <c r="A40" s="553"/>
      <c r="B40" s="132" t="s">
        <v>63</v>
      </c>
      <c r="C40" s="133" t="s">
        <v>108</v>
      </c>
      <c r="D40" s="143">
        <v>19105</v>
      </c>
      <c r="E40" s="144">
        <v>758</v>
      </c>
      <c r="F40" s="221">
        <v>4</v>
      </c>
      <c r="G40" s="222">
        <v>0.28000000000000003</v>
      </c>
      <c r="H40" s="223">
        <v>1.05</v>
      </c>
      <c r="I40" s="143">
        <v>15476</v>
      </c>
      <c r="J40" s="144">
        <v>67</v>
      </c>
      <c r="K40" s="221">
        <v>0.4</v>
      </c>
      <c r="L40" s="222">
        <v>0.31</v>
      </c>
      <c r="M40" s="223">
        <v>1.05</v>
      </c>
      <c r="N40" s="143">
        <v>3629</v>
      </c>
      <c r="O40" s="144">
        <v>691</v>
      </c>
      <c r="P40" s="221">
        <v>19</v>
      </c>
      <c r="Q40" s="222">
        <v>0.11</v>
      </c>
      <c r="R40" s="223">
        <v>1.0900000000000001</v>
      </c>
      <c r="S40" s="132" t="s">
        <v>63</v>
      </c>
    </row>
    <row r="41" spans="1:19" ht="13.5" customHeight="1" x14ac:dyDescent="0.15">
      <c r="A41" s="553"/>
      <c r="B41" s="137" t="s">
        <v>64</v>
      </c>
      <c r="C41" s="142" t="s">
        <v>109</v>
      </c>
      <c r="D41" s="139">
        <v>16696</v>
      </c>
      <c r="E41" s="140">
        <v>370</v>
      </c>
      <c r="F41" s="218">
        <v>2.2000000000000002</v>
      </c>
      <c r="G41" s="219">
        <v>0.56999999999999995</v>
      </c>
      <c r="H41" s="220">
        <v>1.04</v>
      </c>
      <c r="I41" s="139">
        <v>13205</v>
      </c>
      <c r="J41" s="140">
        <v>159</v>
      </c>
      <c r="K41" s="218">
        <v>1.2</v>
      </c>
      <c r="L41" s="219">
        <v>0.51</v>
      </c>
      <c r="M41" s="220">
        <v>1.17</v>
      </c>
      <c r="N41" s="139">
        <v>3491</v>
      </c>
      <c r="O41" s="140">
        <v>211</v>
      </c>
      <c r="P41" s="218">
        <v>6</v>
      </c>
      <c r="Q41" s="219">
        <v>0.77</v>
      </c>
      <c r="R41" s="220">
        <v>0.56999999999999995</v>
      </c>
      <c r="S41" s="137" t="s">
        <v>64</v>
      </c>
    </row>
    <row r="42" spans="1:19" ht="13.5" customHeight="1" x14ac:dyDescent="0.15">
      <c r="A42" s="553"/>
      <c r="B42" s="132" t="s">
        <v>65</v>
      </c>
      <c r="C42" s="133" t="s">
        <v>110</v>
      </c>
      <c r="D42" s="143">
        <v>24378</v>
      </c>
      <c r="E42" s="144">
        <v>1963</v>
      </c>
      <c r="F42" s="221">
        <v>8.1</v>
      </c>
      <c r="G42" s="222">
        <v>0.26</v>
      </c>
      <c r="H42" s="223">
        <v>0.37</v>
      </c>
      <c r="I42" s="143">
        <v>17182</v>
      </c>
      <c r="J42" s="144">
        <v>310</v>
      </c>
      <c r="K42" s="221">
        <v>1.8</v>
      </c>
      <c r="L42" s="222">
        <v>0.32</v>
      </c>
      <c r="M42" s="223">
        <v>0.48</v>
      </c>
      <c r="N42" s="143">
        <v>7196</v>
      </c>
      <c r="O42" s="144">
        <v>1653</v>
      </c>
      <c r="P42" s="221">
        <v>23</v>
      </c>
      <c r="Q42" s="222">
        <v>0.11</v>
      </c>
      <c r="R42" s="223">
        <v>0.11</v>
      </c>
      <c r="S42" s="132" t="s">
        <v>65</v>
      </c>
    </row>
    <row r="43" spans="1:19" ht="13.5" customHeight="1" x14ac:dyDescent="0.15">
      <c r="A43" s="553"/>
      <c r="B43" s="137" t="s">
        <v>66</v>
      </c>
      <c r="C43" s="142" t="s">
        <v>111</v>
      </c>
      <c r="D43" s="139">
        <v>26007</v>
      </c>
      <c r="E43" s="140">
        <v>331</v>
      </c>
      <c r="F43" s="218">
        <v>1.3</v>
      </c>
      <c r="G43" s="219">
        <v>0.74</v>
      </c>
      <c r="H43" s="220">
        <v>0.47</v>
      </c>
      <c r="I43" s="139">
        <v>21831</v>
      </c>
      <c r="J43" s="140">
        <v>169</v>
      </c>
      <c r="K43" s="218">
        <v>0.8</v>
      </c>
      <c r="L43" s="219">
        <v>0.71</v>
      </c>
      <c r="M43" s="220">
        <v>0.53</v>
      </c>
      <c r="N43" s="139">
        <v>4176</v>
      </c>
      <c r="O43" s="140">
        <v>162</v>
      </c>
      <c r="P43" s="218">
        <v>3.9</v>
      </c>
      <c r="Q43" s="219">
        <v>0.92</v>
      </c>
      <c r="R43" s="220">
        <v>0.14000000000000001</v>
      </c>
      <c r="S43" s="137" t="s">
        <v>66</v>
      </c>
    </row>
    <row r="44" spans="1:19" ht="13.5" customHeight="1" x14ac:dyDescent="0.15">
      <c r="A44" s="553"/>
      <c r="B44" s="132" t="s">
        <v>67</v>
      </c>
      <c r="C44" s="133" t="s">
        <v>112</v>
      </c>
      <c r="D44" s="143">
        <v>64581</v>
      </c>
      <c r="E44" s="144">
        <v>4070</v>
      </c>
      <c r="F44" s="221">
        <v>6.3</v>
      </c>
      <c r="G44" s="222">
        <v>0.98</v>
      </c>
      <c r="H44" s="223">
        <v>1.1599999999999999</v>
      </c>
      <c r="I44" s="143">
        <v>55289</v>
      </c>
      <c r="J44" s="144">
        <v>1960</v>
      </c>
      <c r="K44" s="221">
        <v>3.5</v>
      </c>
      <c r="L44" s="222">
        <v>0.71</v>
      </c>
      <c r="M44" s="223">
        <v>1.21</v>
      </c>
      <c r="N44" s="143">
        <v>9292</v>
      </c>
      <c r="O44" s="144">
        <v>2110</v>
      </c>
      <c r="P44" s="221">
        <v>22.7</v>
      </c>
      <c r="Q44" s="222">
        <v>2.62</v>
      </c>
      <c r="R44" s="223">
        <v>0.89</v>
      </c>
      <c r="S44" s="132" t="s">
        <v>67</v>
      </c>
    </row>
    <row r="45" spans="1:19" ht="7.5" customHeight="1" x14ac:dyDescent="0.15">
      <c r="A45" s="553"/>
      <c r="B45" s="137"/>
      <c r="C45" s="142"/>
      <c r="D45" s="139"/>
      <c r="E45" s="140"/>
      <c r="F45" s="218"/>
      <c r="G45" s="219"/>
      <c r="H45" s="220"/>
      <c r="I45" s="139"/>
      <c r="J45" s="140"/>
      <c r="K45" s="218"/>
      <c r="L45" s="219"/>
      <c r="M45" s="220"/>
      <c r="N45" s="139"/>
      <c r="O45" s="140"/>
      <c r="P45" s="218"/>
      <c r="Q45" s="219"/>
      <c r="R45" s="220"/>
      <c r="S45" s="137"/>
    </row>
    <row r="46" spans="1:19" ht="13.5" customHeight="1" x14ac:dyDescent="0.15">
      <c r="A46" s="553"/>
      <c r="B46" s="137" t="s">
        <v>113</v>
      </c>
      <c r="C46" s="142" t="s">
        <v>114</v>
      </c>
      <c r="D46" s="139">
        <v>4581</v>
      </c>
      <c r="E46" s="140">
        <v>1281</v>
      </c>
      <c r="F46" s="218">
        <v>28</v>
      </c>
      <c r="G46" s="219">
        <v>7.0000000000000007E-2</v>
      </c>
      <c r="H46" s="220">
        <v>0.56000000000000005</v>
      </c>
      <c r="I46" s="139">
        <v>2781</v>
      </c>
      <c r="J46" s="140">
        <v>636</v>
      </c>
      <c r="K46" s="218">
        <v>22.9</v>
      </c>
      <c r="L46" s="219">
        <v>0.11</v>
      </c>
      <c r="M46" s="220">
        <v>0.93</v>
      </c>
      <c r="N46" s="139">
        <v>1800</v>
      </c>
      <c r="O46" s="140">
        <v>645</v>
      </c>
      <c r="P46" s="218">
        <v>35.799999999999997</v>
      </c>
      <c r="Q46" s="230">
        <v>0</v>
      </c>
      <c r="R46" s="220">
        <v>0</v>
      </c>
      <c r="S46" s="137" t="s">
        <v>113</v>
      </c>
    </row>
    <row r="47" spans="1:19" ht="13.5" customHeight="1" thickBot="1" x14ac:dyDescent="0.2">
      <c r="A47" s="553"/>
      <c r="B47" s="152" t="s">
        <v>68</v>
      </c>
      <c r="C47" s="153" t="s">
        <v>115</v>
      </c>
      <c r="D47" s="154">
        <v>241651</v>
      </c>
      <c r="E47" s="155">
        <v>74196</v>
      </c>
      <c r="F47" s="231">
        <v>30.7</v>
      </c>
      <c r="G47" s="232">
        <v>1.22</v>
      </c>
      <c r="H47" s="233">
        <v>1.62</v>
      </c>
      <c r="I47" s="154">
        <v>65360</v>
      </c>
      <c r="J47" s="155">
        <v>13964</v>
      </c>
      <c r="K47" s="231">
        <v>21.4</v>
      </c>
      <c r="L47" s="232">
        <v>0.93</v>
      </c>
      <c r="M47" s="233">
        <v>1.28</v>
      </c>
      <c r="N47" s="154">
        <v>176291</v>
      </c>
      <c r="O47" s="155">
        <v>60232</v>
      </c>
      <c r="P47" s="231">
        <v>34.200000000000003</v>
      </c>
      <c r="Q47" s="232">
        <v>1.32</v>
      </c>
      <c r="R47" s="233">
        <v>1.74</v>
      </c>
      <c r="S47" s="152" t="s">
        <v>68</v>
      </c>
    </row>
    <row r="48" spans="1:19" ht="11.25" customHeight="1" x14ac:dyDescent="0.15">
      <c r="D48" s="234"/>
      <c r="E48" s="234"/>
      <c r="F48" s="235"/>
      <c r="G48" s="236"/>
      <c r="H48" s="236"/>
      <c r="I48" s="237"/>
      <c r="J48" s="237"/>
      <c r="K48" s="238"/>
      <c r="M48" s="236"/>
      <c r="N48" s="237"/>
      <c r="O48" s="237"/>
      <c r="P48" s="238"/>
    </row>
    <row r="49" spans="4:16" ht="11.25" customHeight="1" x14ac:dyDescent="0.15">
      <c r="D49" s="237"/>
      <c r="E49" s="237"/>
      <c r="F49" s="238"/>
      <c r="I49" s="237"/>
      <c r="J49" s="237"/>
      <c r="K49" s="238"/>
      <c r="N49" s="237"/>
      <c r="O49" s="237"/>
      <c r="P49" s="238"/>
    </row>
  </sheetData>
  <mergeCells count="21">
    <mergeCell ref="G6:G7"/>
    <mergeCell ref="H6:H7"/>
    <mergeCell ref="L6:L7"/>
    <mergeCell ref="M6:M7"/>
    <mergeCell ref="Q6:Q7"/>
    <mergeCell ref="A1:A47"/>
    <mergeCell ref="B1:S1"/>
    <mergeCell ref="B2:G2"/>
    <mergeCell ref="O2:S2"/>
    <mergeCell ref="B3:C7"/>
    <mergeCell ref="D3:H4"/>
    <mergeCell ref="I3:M4"/>
    <mergeCell ref="N3:R4"/>
    <mergeCell ref="S3:S7"/>
    <mergeCell ref="D5:D7"/>
    <mergeCell ref="R6:R7"/>
    <mergeCell ref="G5:H5"/>
    <mergeCell ref="I5:I7"/>
    <mergeCell ref="L5:M5"/>
    <mergeCell ref="N5:N7"/>
    <mergeCell ref="Q5:R5"/>
  </mergeCells>
  <phoneticPr fontId="3"/>
  <printOptions horizontalCentered="1"/>
  <pageMargins left="0.59055118110236227" right="0.59055118110236227" top="0.39370078740157483" bottom="0.59055118110236227" header="0" footer="0.19685039370078741"/>
  <pageSetup paperSize="9" scale="86" orientation="landscape" errors="blank"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7B602DD-981E-4129-B44D-7450C231EBC8}">
  <sheetPr codeName="Sheet13">
    <tabColor indexed="52"/>
    <pageSetUpPr fitToPage="1"/>
  </sheetPr>
  <dimension ref="A1:T48"/>
  <sheetViews>
    <sheetView view="pageBreakPreview" zoomScaleNormal="80" zoomScaleSheetLayoutView="100" workbookViewId="0">
      <selection sqref="A1:A47"/>
    </sheetView>
  </sheetViews>
  <sheetFormatPr defaultColWidth="9" defaultRowHeight="13.5" x14ac:dyDescent="0.15"/>
  <cols>
    <col min="1" max="1" width="5" style="28" customWidth="1"/>
    <col min="2" max="2" width="6.625" style="161" customWidth="1"/>
    <col min="3" max="3" width="23.875" style="28" customWidth="1"/>
    <col min="4" max="4" width="9.125" style="26" customWidth="1"/>
    <col min="5" max="5" width="8.625" style="28" customWidth="1"/>
    <col min="6" max="8" width="5.5" style="28" customWidth="1"/>
    <col min="9" max="9" width="9.125" style="28" customWidth="1"/>
    <col min="10" max="10" width="8.625" style="28" customWidth="1"/>
    <col min="11" max="13" width="5.5" style="28" customWidth="1"/>
    <col min="14" max="14" width="9.125" style="28" customWidth="1"/>
    <col min="15" max="15" width="8.625" style="28" customWidth="1"/>
    <col min="16" max="18" width="5.5" style="28" customWidth="1"/>
    <col min="19" max="19" width="6.625" style="28" customWidth="1"/>
    <col min="20" max="16384" width="9" style="3"/>
  </cols>
  <sheetData>
    <row r="1" spans="1:20" ht="22.5" customHeight="1" x14ac:dyDescent="0.15">
      <c r="A1" s="553" t="s">
        <v>139</v>
      </c>
      <c r="B1" s="491" t="s">
        <v>140</v>
      </c>
      <c r="C1" s="491"/>
      <c r="D1" s="491"/>
      <c r="E1" s="491"/>
      <c r="F1" s="491"/>
      <c r="G1" s="491"/>
      <c r="H1" s="491"/>
      <c r="I1" s="491"/>
      <c r="J1" s="491"/>
      <c r="K1" s="491"/>
      <c r="L1" s="491"/>
      <c r="M1" s="491"/>
      <c r="N1" s="491"/>
      <c r="O1" s="491"/>
      <c r="P1" s="491"/>
      <c r="Q1" s="491"/>
      <c r="R1" s="491"/>
      <c r="S1" s="491"/>
      <c r="T1" s="119"/>
    </row>
    <row r="2" spans="1:20" ht="11.25" customHeight="1" thickBot="1" x14ac:dyDescent="0.2">
      <c r="A2" s="553"/>
      <c r="B2" s="554" t="s">
        <v>118</v>
      </c>
      <c r="C2" s="554"/>
      <c r="D2" s="554"/>
      <c r="E2" s="554"/>
      <c r="F2" s="554"/>
      <c r="G2" s="554"/>
      <c r="H2" s="159"/>
      <c r="O2" s="555" t="s">
        <v>133</v>
      </c>
      <c r="P2" s="555"/>
      <c r="Q2" s="555"/>
      <c r="R2" s="555"/>
      <c r="S2" s="555"/>
    </row>
    <row r="3" spans="1:20" ht="8.25" customHeight="1" x14ac:dyDescent="0.15">
      <c r="A3" s="553"/>
      <c r="B3" s="493" t="s">
        <v>72</v>
      </c>
      <c r="C3" s="520"/>
      <c r="D3" s="492" t="s">
        <v>73</v>
      </c>
      <c r="E3" s="556"/>
      <c r="F3" s="556"/>
      <c r="G3" s="556"/>
      <c r="H3" s="573"/>
      <c r="I3" s="492" t="s">
        <v>134</v>
      </c>
      <c r="J3" s="493"/>
      <c r="K3" s="493"/>
      <c r="L3" s="493"/>
      <c r="M3" s="520"/>
      <c r="N3" s="492" t="s">
        <v>135</v>
      </c>
      <c r="O3" s="556"/>
      <c r="P3" s="556"/>
      <c r="Q3" s="556"/>
      <c r="R3" s="573"/>
      <c r="S3" s="492" t="s">
        <v>76</v>
      </c>
    </row>
    <row r="4" spans="1:20" ht="8.25" customHeight="1" x14ac:dyDescent="0.15">
      <c r="A4" s="553"/>
      <c r="B4" s="495"/>
      <c r="C4" s="521"/>
      <c r="D4" s="574"/>
      <c r="E4" s="557"/>
      <c r="F4" s="557"/>
      <c r="G4" s="557"/>
      <c r="H4" s="575"/>
      <c r="I4" s="561"/>
      <c r="J4" s="522"/>
      <c r="K4" s="522"/>
      <c r="L4" s="522"/>
      <c r="M4" s="523"/>
      <c r="N4" s="561"/>
      <c r="O4" s="557"/>
      <c r="P4" s="557"/>
      <c r="Q4" s="557"/>
      <c r="R4" s="575"/>
      <c r="S4" s="494"/>
    </row>
    <row r="5" spans="1:20" ht="13.5" customHeight="1" x14ac:dyDescent="0.15">
      <c r="A5" s="553"/>
      <c r="B5" s="495"/>
      <c r="C5" s="521"/>
      <c r="D5" s="576" t="s">
        <v>136</v>
      </c>
      <c r="E5" s="211"/>
      <c r="F5" s="212"/>
      <c r="G5" s="578" t="s">
        <v>25</v>
      </c>
      <c r="H5" s="579"/>
      <c r="I5" s="576" t="s">
        <v>136</v>
      </c>
      <c r="J5" s="213"/>
      <c r="K5" s="214"/>
      <c r="L5" s="578" t="s">
        <v>25</v>
      </c>
      <c r="M5" s="579"/>
      <c r="N5" s="576" t="s">
        <v>136</v>
      </c>
      <c r="O5" s="213"/>
      <c r="P5" s="214"/>
      <c r="Q5" s="578" t="s">
        <v>25</v>
      </c>
      <c r="R5" s="579"/>
      <c r="S5" s="494"/>
    </row>
    <row r="6" spans="1:20" s="2" customFormat="1" ht="11.25" customHeight="1" x14ac:dyDescent="0.15">
      <c r="A6" s="553"/>
      <c r="B6" s="495"/>
      <c r="C6" s="521"/>
      <c r="D6" s="577"/>
      <c r="E6" s="180" t="s">
        <v>130</v>
      </c>
      <c r="F6" s="180" t="s">
        <v>131</v>
      </c>
      <c r="G6" s="544" t="s">
        <v>27</v>
      </c>
      <c r="H6" s="544" t="s">
        <v>28</v>
      </c>
      <c r="I6" s="577"/>
      <c r="J6" s="180" t="s">
        <v>130</v>
      </c>
      <c r="K6" s="180" t="s">
        <v>131</v>
      </c>
      <c r="L6" s="544" t="s">
        <v>27</v>
      </c>
      <c r="M6" s="544" t="s">
        <v>28</v>
      </c>
      <c r="N6" s="577"/>
      <c r="O6" s="180" t="s">
        <v>130</v>
      </c>
      <c r="P6" s="180" t="s">
        <v>131</v>
      </c>
      <c r="Q6" s="544" t="s">
        <v>27</v>
      </c>
      <c r="R6" s="544" t="s">
        <v>28</v>
      </c>
      <c r="S6" s="494"/>
    </row>
    <row r="7" spans="1:20" s="2" customFormat="1" ht="11.25" customHeight="1" x14ac:dyDescent="0.15">
      <c r="A7" s="553"/>
      <c r="B7" s="522"/>
      <c r="C7" s="523"/>
      <c r="D7" s="577"/>
      <c r="E7" s="180" t="s">
        <v>137</v>
      </c>
      <c r="F7" s="180" t="s">
        <v>138</v>
      </c>
      <c r="G7" s="545"/>
      <c r="H7" s="545"/>
      <c r="I7" s="577"/>
      <c r="J7" s="180" t="s">
        <v>137</v>
      </c>
      <c r="K7" s="180" t="s">
        <v>138</v>
      </c>
      <c r="L7" s="545"/>
      <c r="M7" s="545"/>
      <c r="N7" s="577"/>
      <c r="O7" s="180" t="s">
        <v>137</v>
      </c>
      <c r="P7" s="180" t="s">
        <v>138</v>
      </c>
      <c r="Q7" s="545"/>
      <c r="R7" s="545"/>
      <c r="S7" s="561"/>
    </row>
    <row r="8" spans="1:20" ht="13.5" customHeight="1" x14ac:dyDescent="0.15">
      <c r="A8" s="553"/>
      <c r="B8" s="132" t="s">
        <v>33</v>
      </c>
      <c r="C8" s="133" t="s">
        <v>78</v>
      </c>
      <c r="D8" s="163">
        <v>1906017</v>
      </c>
      <c r="E8" s="164">
        <v>543782</v>
      </c>
      <c r="F8" s="239">
        <v>28.5</v>
      </c>
      <c r="G8" s="240">
        <v>1.21</v>
      </c>
      <c r="H8" s="241">
        <v>1.47</v>
      </c>
      <c r="I8" s="163">
        <v>1077279</v>
      </c>
      <c r="J8" s="164">
        <v>168139</v>
      </c>
      <c r="K8" s="239">
        <v>15.6</v>
      </c>
      <c r="L8" s="240">
        <v>0.96</v>
      </c>
      <c r="M8" s="241">
        <v>1.33</v>
      </c>
      <c r="N8" s="163">
        <v>828738</v>
      </c>
      <c r="O8" s="164">
        <v>375643</v>
      </c>
      <c r="P8" s="239">
        <v>45.3</v>
      </c>
      <c r="Q8" s="240">
        <v>1.53</v>
      </c>
      <c r="R8" s="241">
        <v>1.65</v>
      </c>
      <c r="S8" s="132" t="s">
        <v>33</v>
      </c>
    </row>
    <row r="9" spans="1:20" ht="7.5" customHeight="1" x14ac:dyDescent="0.15">
      <c r="A9" s="553"/>
      <c r="B9" s="137"/>
      <c r="C9" s="138"/>
      <c r="D9" s="149"/>
      <c r="E9" s="150"/>
      <c r="F9" s="227"/>
      <c r="G9" s="228"/>
      <c r="H9" s="229"/>
      <c r="I9" s="149"/>
      <c r="J9" s="150"/>
      <c r="K9" s="227"/>
      <c r="L9" s="228"/>
      <c r="M9" s="229"/>
      <c r="N9" s="149"/>
      <c r="O9" s="150"/>
      <c r="P9" s="227"/>
      <c r="Q9" s="228"/>
      <c r="R9" s="229"/>
      <c r="S9" s="137"/>
    </row>
    <row r="10" spans="1:20" ht="13.5" customHeight="1" x14ac:dyDescent="0.15">
      <c r="A10" s="553"/>
      <c r="B10" s="137" t="s">
        <v>34</v>
      </c>
      <c r="C10" s="142" t="s">
        <v>79</v>
      </c>
      <c r="D10" s="149">
        <v>51162</v>
      </c>
      <c r="E10" s="150">
        <v>143</v>
      </c>
      <c r="F10" s="227">
        <v>0.3</v>
      </c>
      <c r="G10" s="228">
        <v>0.51</v>
      </c>
      <c r="H10" s="229">
        <v>1.04</v>
      </c>
      <c r="I10" s="149">
        <v>42737</v>
      </c>
      <c r="J10" s="150">
        <v>18</v>
      </c>
      <c r="K10" s="227">
        <v>0</v>
      </c>
      <c r="L10" s="228">
        <v>0.05</v>
      </c>
      <c r="M10" s="229">
        <v>1.21</v>
      </c>
      <c r="N10" s="149">
        <v>8425</v>
      </c>
      <c r="O10" s="150">
        <v>125</v>
      </c>
      <c r="P10" s="227">
        <v>1.5</v>
      </c>
      <c r="Q10" s="228">
        <v>2.9</v>
      </c>
      <c r="R10" s="229">
        <v>0.1</v>
      </c>
      <c r="S10" s="137" t="s">
        <v>34</v>
      </c>
    </row>
    <row r="11" spans="1:20" ht="13.5" customHeight="1" x14ac:dyDescent="0.15">
      <c r="A11" s="553"/>
      <c r="B11" s="132" t="s">
        <v>35</v>
      </c>
      <c r="C11" s="133" t="s">
        <v>80</v>
      </c>
      <c r="D11" s="146">
        <v>311548</v>
      </c>
      <c r="E11" s="147">
        <v>39167</v>
      </c>
      <c r="F11" s="224">
        <v>12.6</v>
      </c>
      <c r="G11" s="225">
        <v>0.73</v>
      </c>
      <c r="H11" s="226">
        <v>1.17</v>
      </c>
      <c r="I11" s="146">
        <v>231626</v>
      </c>
      <c r="J11" s="147">
        <v>11610</v>
      </c>
      <c r="K11" s="224">
        <v>5</v>
      </c>
      <c r="L11" s="225">
        <v>0.68</v>
      </c>
      <c r="M11" s="226">
        <v>1.02</v>
      </c>
      <c r="N11" s="146">
        <v>79922</v>
      </c>
      <c r="O11" s="147">
        <v>27557</v>
      </c>
      <c r="P11" s="224">
        <v>34.5</v>
      </c>
      <c r="Q11" s="225">
        <v>0.87</v>
      </c>
      <c r="R11" s="226">
        <v>1.59</v>
      </c>
      <c r="S11" s="132" t="s">
        <v>35</v>
      </c>
    </row>
    <row r="12" spans="1:20" ht="13.5" customHeight="1" x14ac:dyDescent="0.15">
      <c r="A12" s="553"/>
      <c r="B12" s="137" t="s">
        <v>36</v>
      </c>
      <c r="C12" s="142" t="s">
        <v>81</v>
      </c>
      <c r="D12" s="149">
        <v>10187</v>
      </c>
      <c r="E12" s="150">
        <v>586</v>
      </c>
      <c r="F12" s="227">
        <v>5.8</v>
      </c>
      <c r="G12" s="228">
        <v>0</v>
      </c>
      <c r="H12" s="229">
        <v>0</v>
      </c>
      <c r="I12" s="149">
        <v>8600</v>
      </c>
      <c r="J12" s="150">
        <v>475</v>
      </c>
      <c r="K12" s="227">
        <v>5.5</v>
      </c>
      <c r="L12" s="228">
        <v>0</v>
      </c>
      <c r="M12" s="229">
        <v>0</v>
      </c>
      <c r="N12" s="149">
        <v>1587</v>
      </c>
      <c r="O12" s="150">
        <v>111</v>
      </c>
      <c r="P12" s="227">
        <v>7</v>
      </c>
      <c r="Q12" s="228">
        <v>0</v>
      </c>
      <c r="R12" s="229">
        <v>0</v>
      </c>
      <c r="S12" s="137" t="s">
        <v>36</v>
      </c>
    </row>
    <row r="13" spans="1:20" ht="13.5" customHeight="1" x14ac:dyDescent="0.15">
      <c r="A13" s="553"/>
      <c r="B13" s="132" t="s">
        <v>37</v>
      </c>
      <c r="C13" s="133" t="s">
        <v>82</v>
      </c>
      <c r="D13" s="146">
        <v>87478</v>
      </c>
      <c r="E13" s="147">
        <v>3865</v>
      </c>
      <c r="F13" s="224">
        <v>4.4000000000000004</v>
      </c>
      <c r="G13" s="225">
        <v>0.75</v>
      </c>
      <c r="H13" s="226">
        <v>1.18</v>
      </c>
      <c r="I13" s="146">
        <v>66594</v>
      </c>
      <c r="J13" s="147">
        <v>1678</v>
      </c>
      <c r="K13" s="224">
        <v>2.5</v>
      </c>
      <c r="L13" s="225">
        <v>0.79</v>
      </c>
      <c r="M13" s="226">
        <v>1.1599999999999999</v>
      </c>
      <c r="N13" s="146">
        <v>20884</v>
      </c>
      <c r="O13" s="147">
        <v>2187</v>
      </c>
      <c r="P13" s="224">
        <v>10.5</v>
      </c>
      <c r="Q13" s="225">
        <v>0.62</v>
      </c>
      <c r="R13" s="226">
        <v>1.23</v>
      </c>
      <c r="S13" s="132" t="s">
        <v>37</v>
      </c>
    </row>
    <row r="14" spans="1:20" ht="13.5" customHeight="1" x14ac:dyDescent="0.15">
      <c r="A14" s="553"/>
      <c r="B14" s="137" t="s">
        <v>38</v>
      </c>
      <c r="C14" s="142" t="s">
        <v>83</v>
      </c>
      <c r="D14" s="149">
        <v>146278</v>
      </c>
      <c r="E14" s="150">
        <v>41885</v>
      </c>
      <c r="F14" s="227">
        <v>28.6</v>
      </c>
      <c r="G14" s="228">
        <v>0.89</v>
      </c>
      <c r="H14" s="229">
        <v>1.64</v>
      </c>
      <c r="I14" s="149">
        <v>102262</v>
      </c>
      <c r="J14" s="150">
        <v>16482</v>
      </c>
      <c r="K14" s="227">
        <v>16.100000000000001</v>
      </c>
      <c r="L14" s="228">
        <v>0.71</v>
      </c>
      <c r="M14" s="229">
        <v>1.28</v>
      </c>
      <c r="N14" s="149">
        <v>44016</v>
      </c>
      <c r="O14" s="150">
        <v>25403</v>
      </c>
      <c r="P14" s="227">
        <v>57.7</v>
      </c>
      <c r="Q14" s="228">
        <v>1.31</v>
      </c>
      <c r="R14" s="229">
        <v>2.4700000000000002</v>
      </c>
      <c r="S14" s="137" t="s">
        <v>38</v>
      </c>
    </row>
    <row r="15" spans="1:20" ht="13.5" customHeight="1" x14ac:dyDescent="0.15">
      <c r="A15" s="553"/>
      <c r="B15" s="132" t="s">
        <v>39</v>
      </c>
      <c r="C15" s="133" t="s">
        <v>84</v>
      </c>
      <c r="D15" s="146">
        <v>268190</v>
      </c>
      <c r="E15" s="147">
        <v>141269</v>
      </c>
      <c r="F15" s="224">
        <v>52.7</v>
      </c>
      <c r="G15" s="225">
        <v>1.4</v>
      </c>
      <c r="H15" s="226">
        <v>0.87</v>
      </c>
      <c r="I15" s="146">
        <v>120092</v>
      </c>
      <c r="J15" s="147">
        <v>34115</v>
      </c>
      <c r="K15" s="224">
        <v>28.4</v>
      </c>
      <c r="L15" s="225">
        <v>1.74</v>
      </c>
      <c r="M15" s="226">
        <v>1</v>
      </c>
      <c r="N15" s="146">
        <v>148098</v>
      </c>
      <c r="O15" s="147">
        <v>107154</v>
      </c>
      <c r="P15" s="224">
        <v>72.400000000000006</v>
      </c>
      <c r="Q15" s="225">
        <v>1.1299999999999999</v>
      </c>
      <c r="R15" s="226">
        <v>0.76</v>
      </c>
      <c r="S15" s="132" t="s">
        <v>39</v>
      </c>
    </row>
    <row r="16" spans="1:20" ht="13.5" customHeight="1" x14ac:dyDescent="0.15">
      <c r="A16" s="553"/>
      <c r="B16" s="137" t="s">
        <v>40</v>
      </c>
      <c r="C16" s="142" t="s">
        <v>85</v>
      </c>
      <c r="D16" s="149">
        <v>25344</v>
      </c>
      <c r="E16" s="150">
        <v>3300</v>
      </c>
      <c r="F16" s="227">
        <v>13</v>
      </c>
      <c r="G16" s="228">
        <v>0.95</v>
      </c>
      <c r="H16" s="229">
        <v>0.73</v>
      </c>
      <c r="I16" s="149">
        <v>10858</v>
      </c>
      <c r="J16" s="150">
        <v>112</v>
      </c>
      <c r="K16" s="227">
        <v>1</v>
      </c>
      <c r="L16" s="228">
        <v>0.09</v>
      </c>
      <c r="M16" s="229">
        <v>0.09</v>
      </c>
      <c r="N16" s="149">
        <v>14486</v>
      </c>
      <c r="O16" s="150">
        <v>3188</v>
      </c>
      <c r="P16" s="227">
        <v>22</v>
      </c>
      <c r="Q16" s="228">
        <v>1.59</v>
      </c>
      <c r="R16" s="229">
        <v>1.21</v>
      </c>
      <c r="S16" s="137" t="s">
        <v>40</v>
      </c>
    </row>
    <row r="17" spans="1:19" ht="13.5" customHeight="1" x14ac:dyDescent="0.15">
      <c r="A17" s="553"/>
      <c r="B17" s="132" t="s">
        <v>41</v>
      </c>
      <c r="C17" s="133" t="s">
        <v>86</v>
      </c>
      <c r="D17" s="146">
        <v>24890</v>
      </c>
      <c r="E17" s="147">
        <v>10600</v>
      </c>
      <c r="F17" s="224">
        <v>42.6</v>
      </c>
      <c r="G17" s="225">
        <v>1.28</v>
      </c>
      <c r="H17" s="226">
        <v>0.97</v>
      </c>
      <c r="I17" s="146">
        <v>17298</v>
      </c>
      <c r="J17" s="147">
        <v>7264</v>
      </c>
      <c r="K17" s="224">
        <v>42</v>
      </c>
      <c r="L17" s="225">
        <v>1.25</v>
      </c>
      <c r="M17" s="226">
        <v>0.82</v>
      </c>
      <c r="N17" s="146">
        <v>7592</v>
      </c>
      <c r="O17" s="147">
        <v>3336</v>
      </c>
      <c r="P17" s="224">
        <v>43.9</v>
      </c>
      <c r="Q17" s="225">
        <v>1.34</v>
      </c>
      <c r="R17" s="226">
        <v>1.32</v>
      </c>
      <c r="S17" s="132" t="s">
        <v>41</v>
      </c>
    </row>
    <row r="18" spans="1:19" ht="13.5" customHeight="1" x14ac:dyDescent="0.15">
      <c r="A18" s="553"/>
      <c r="B18" s="137" t="s">
        <v>42</v>
      </c>
      <c r="C18" s="142" t="s">
        <v>87</v>
      </c>
      <c r="D18" s="149">
        <v>116040</v>
      </c>
      <c r="E18" s="150">
        <v>3814</v>
      </c>
      <c r="F18" s="227">
        <v>3.3</v>
      </c>
      <c r="G18" s="228">
        <v>0.74</v>
      </c>
      <c r="H18" s="229">
        <v>0.69</v>
      </c>
      <c r="I18" s="149">
        <v>88088</v>
      </c>
      <c r="J18" s="150">
        <v>951</v>
      </c>
      <c r="K18" s="227">
        <v>1.1000000000000001</v>
      </c>
      <c r="L18" s="228">
        <v>0.56000000000000005</v>
      </c>
      <c r="M18" s="229">
        <v>0.5</v>
      </c>
      <c r="N18" s="149">
        <v>27952</v>
      </c>
      <c r="O18" s="150">
        <v>2863</v>
      </c>
      <c r="P18" s="227">
        <v>10.199999999999999</v>
      </c>
      <c r="Q18" s="228">
        <v>1.32</v>
      </c>
      <c r="R18" s="229">
        <v>1.29</v>
      </c>
      <c r="S18" s="137" t="s">
        <v>42</v>
      </c>
    </row>
    <row r="19" spans="1:19" ht="13.5" customHeight="1" x14ac:dyDescent="0.15">
      <c r="A19" s="553"/>
      <c r="B19" s="132" t="s">
        <v>43</v>
      </c>
      <c r="C19" s="133" t="s">
        <v>88</v>
      </c>
      <c r="D19" s="146">
        <v>96542</v>
      </c>
      <c r="E19" s="147">
        <v>70156</v>
      </c>
      <c r="F19" s="224">
        <v>72.7</v>
      </c>
      <c r="G19" s="225">
        <v>2.89</v>
      </c>
      <c r="H19" s="226">
        <v>3.7</v>
      </c>
      <c r="I19" s="146">
        <v>40124</v>
      </c>
      <c r="J19" s="147">
        <v>23677</v>
      </c>
      <c r="K19" s="224">
        <v>59</v>
      </c>
      <c r="L19" s="225">
        <v>2.91</v>
      </c>
      <c r="M19" s="226">
        <v>5.24</v>
      </c>
      <c r="N19" s="146">
        <v>56418</v>
      </c>
      <c r="O19" s="147">
        <v>46479</v>
      </c>
      <c r="P19" s="224">
        <v>82.4</v>
      </c>
      <c r="Q19" s="225">
        <v>2.88</v>
      </c>
      <c r="R19" s="226">
        <v>2.58</v>
      </c>
      <c r="S19" s="132" t="s">
        <v>43</v>
      </c>
    </row>
    <row r="20" spans="1:19" ht="13.5" customHeight="1" x14ac:dyDescent="0.15">
      <c r="A20" s="553"/>
      <c r="B20" s="137" t="s">
        <v>44</v>
      </c>
      <c r="C20" s="142" t="s">
        <v>89</v>
      </c>
      <c r="D20" s="149">
        <v>48938</v>
      </c>
      <c r="E20" s="150">
        <v>27942</v>
      </c>
      <c r="F20" s="227">
        <v>57.1</v>
      </c>
      <c r="G20" s="228">
        <v>1.67</v>
      </c>
      <c r="H20" s="229">
        <v>1.27</v>
      </c>
      <c r="I20" s="149">
        <v>19192</v>
      </c>
      <c r="J20" s="150">
        <v>8965</v>
      </c>
      <c r="K20" s="227">
        <v>46.7</v>
      </c>
      <c r="L20" s="228">
        <v>2.14</v>
      </c>
      <c r="M20" s="229">
        <v>1.46</v>
      </c>
      <c r="N20" s="149">
        <v>29746</v>
      </c>
      <c r="O20" s="150">
        <v>18977</v>
      </c>
      <c r="P20" s="227">
        <v>63.8</v>
      </c>
      <c r="Q20" s="228">
        <v>1.37</v>
      </c>
      <c r="R20" s="229">
        <v>1.1399999999999999</v>
      </c>
      <c r="S20" s="137" t="s">
        <v>44</v>
      </c>
    </row>
    <row r="21" spans="1:19" ht="13.5" customHeight="1" x14ac:dyDescent="0.15">
      <c r="A21" s="553"/>
      <c r="B21" s="132" t="s">
        <v>45</v>
      </c>
      <c r="C21" s="133" t="s">
        <v>90</v>
      </c>
      <c r="D21" s="146">
        <v>156598</v>
      </c>
      <c r="E21" s="147">
        <v>35957</v>
      </c>
      <c r="F21" s="224">
        <v>23</v>
      </c>
      <c r="G21" s="225">
        <v>0.33</v>
      </c>
      <c r="H21" s="226">
        <v>1.48</v>
      </c>
      <c r="I21" s="146">
        <v>80593</v>
      </c>
      <c r="J21" s="147">
        <v>14285</v>
      </c>
      <c r="K21" s="224">
        <v>17.7</v>
      </c>
      <c r="L21" s="225">
        <v>0.22</v>
      </c>
      <c r="M21" s="226">
        <v>1.1200000000000001</v>
      </c>
      <c r="N21" s="146">
        <v>76005</v>
      </c>
      <c r="O21" s="147">
        <v>21672</v>
      </c>
      <c r="P21" s="224">
        <v>28.5</v>
      </c>
      <c r="Q21" s="225">
        <v>0.45</v>
      </c>
      <c r="R21" s="226">
        <v>1.86</v>
      </c>
      <c r="S21" s="132" t="s">
        <v>45</v>
      </c>
    </row>
    <row r="22" spans="1:19" ht="13.5" customHeight="1" x14ac:dyDescent="0.15">
      <c r="A22" s="553"/>
      <c r="B22" s="137" t="s">
        <v>46</v>
      </c>
      <c r="C22" s="142" t="s">
        <v>91</v>
      </c>
      <c r="D22" s="149">
        <v>320908</v>
      </c>
      <c r="E22" s="150">
        <v>101375</v>
      </c>
      <c r="F22" s="227">
        <v>31.6</v>
      </c>
      <c r="G22" s="228">
        <v>1.31</v>
      </c>
      <c r="H22" s="229">
        <v>1.65</v>
      </c>
      <c r="I22" s="149">
        <v>104403</v>
      </c>
      <c r="J22" s="150">
        <v>26227</v>
      </c>
      <c r="K22" s="227">
        <v>25.1</v>
      </c>
      <c r="L22" s="228">
        <v>0.63</v>
      </c>
      <c r="M22" s="229">
        <v>1.17</v>
      </c>
      <c r="N22" s="149">
        <v>216505</v>
      </c>
      <c r="O22" s="150">
        <v>75148</v>
      </c>
      <c r="P22" s="227">
        <v>34.700000000000003</v>
      </c>
      <c r="Q22" s="228">
        <v>1.63</v>
      </c>
      <c r="R22" s="229">
        <v>1.88</v>
      </c>
      <c r="S22" s="137" t="s">
        <v>46</v>
      </c>
    </row>
    <row r="23" spans="1:19" ht="13.5" customHeight="1" x14ac:dyDescent="0.15">
      <c r="A23" s="553"/>
      <c r="B23" s="132" t="s">
        <v>47</v>
      </c>
      <c r="C23" s="133" t="s">
        <v>92</v>
      </c>
      <c r="D23" s="146">
        <v>6837</v>
      </c>
      <c r="E23" s="147">
        <v>952</v>
      </c>
      <c r="F23" s="224">
        <v>13.9</v>
      </c>
      <c r="G23" s="225">
        <v>0.16</v>
      </c>
      <c r="H23" s="226">
        <v>1.8</v>
      </c>
      <c r="I23" s="146">
        <v>5083</v>
      </c>
      <c r="J23" s="147">
        <v>241</v>
      </c>
      <c r="K23" s="224">
        <v>4.7</v>
      </c>
      <c r="L23" s="225">
        <v>0.04</v>
      </c>
      <c r="M23" s="226">
        <v>1.05</v>
      </c>
      <c r="N23" s="146">
        <v>1754</v>
      </c>
      <c r="O23" s="147">
        <v>711</v>
      </c>
      <c r="P23" s="224">
        <v>40.5</v>
      </c>
      <c r="Q23" s="225">
        <v>0.5</v>
      </c>
      <c r="R23" s="226">
        <v>3.91</v>
      </c>
      <c r="S23" s="132" t="s">
        <v>47</v>
      </c>
    </row>
    <row r="24" spans="1:19" ht="13.5" customHeight="1" x14ac:dyDescent="0.15">
      <c r="A24" s="553"/>
      <c r="B24" s="137" t="s">
        <v>48</v>
      </c>
      <c r="C24" s="142" t="s">
        <v>93</v>
      </c>
      <c r="D24" s="149">
        <v>235077</v>
      </c>
      <c r="E24" s="150">
        <v>62771</v>
      </c>
      <c r="F24" s="227">
        <v>26.7</v>
      </c>
      <c r="G24" s="228">
        <v>2.14</v>
      </c>
      <c r="H24" s="229">
        <v>2.0699999999999998</v>
      </c>
      <c r="I24" s="149">
        <v>139729</v>
      </c>
      <c r="J24" s="150">
        <v>22039</v>
      </c>
      <c r="K24" s="227">
        <v>15.8</v>
      </c>
      <c r="L24" s="228">
        <v>1.6</v>
      </c>
      <c r="M24" s="229">
        <v>2.11</v>
      </c>
      <c r="N24" s="149">
        <v>95348</v>
      </c>
      <c r="O24" s="150">
        <v>40732</v>
      </c>
      <c r="P24" s="227">
        <v>42.7</v>
      </c>
      <c r="Q24" s="228">
        <v>2.94</v>
      </c>
      <c r="R24" s="229">
        <v>2</v>
      </c>
      <c r="S24" s="137" t="s">
        <v>48</v>
      </c>
    </row>
    <row r="25" spans="1:19" ht="7.5" customHeight="1" x14ac:dyDescent="0.15">
      <c r="A25" s="553"/>
      <c r="B25" s="137"/>
      <c r="C25" s="142"/>
      <c r="D25" s="149"/>
      <c r="E25" s="150"/>
      <c r="F25" s="227"/>
      <c r="G25" s="228"/>
      <c r="H25" s="229"/>
      <c r="I25" s="149"/>
      <c r="J25" s="150"/>
      <c r="K25" s="227"/>
      <c r="L25" s="228"/>
      <c r="M25" s="229"/>
      <c r="N25" s="149"/>
      <c r="O25" s="150"/>
      <c r="P25" s="227"/>
      <c r="Q25" s="228"/>
      <c r="R25" s="229"/>
      <c r="S25" s="137"/>
    </row>
    <row r="26" spans="1:19" ht="13.5" customHeight="1" x14ac:dyDescent="0.15">
      <c r="A26" s="553"/>
      <c r="B26" s="132" t="s">
        <v>49</v>
      </c>
      <c r="C26" s="133" t="s">
        <v>94</v>
      </c>
      <c r="D26" s="146">
        <v>47811</v>
      </c>
      <c r="E26" s="147">
        <v>25396</v>
      </c>
      <c r="F26" s="224">
        <v>53.1</v>
      </c>
      <c r="G26" s="225">
        <v>0.66</v>
      </c>
      <c r="H26" s="226">
        <v>1.68</v>
      </c>
      <c r="I26" s="146">
        <v>22666</v>
      </c>
      <c r="J26" s="147">
        <v>7070</v>
      </c>
      <c r="K26" s="224">
        <v>31.2</v>
      </c>
      <c r="L26" s="225">
        <v>0.65</v>
      </c>
      <c r="M26" s="226">
        <v>0.87</v>
      </c>
      <c r="N26" s="146">
        <v>25145</v>
      </c>
      <c r="O26" s="147">
        <v>18326</v>
      </c>
      <c r="P26" s="224">
        <v>72.900000000000006</v>
      </c>
      <c r="Q26" s="225">
        <v>0.66</v>
      </c>
      <c r="R26" s="226">
        <v>2.39</v>
      </c>
      <c r="S26" s="132" t="s">
        <v>49</v>
      </c>
    </row>
    <row r="27" spans="1:19" ht="13.5" customHeight="1" x14ac:dyDescent="0.15">
      <c r="A27" s="553"/>
      <c r="B27" s="137" t="s">
        <v>50</v>
      </c>
      <c r="C27" s="142" t="s">
        <v>95</v>
      </c>
      <c r="D27" s="149">
        <v>1485</v>
      </c>
      <c r="E27" s="150">
        <v>235</v>
      </c>
      <c r="F27" s="227">
        <v>15.8</v>
      </c>
      <c r="G27" s="228">
        <v>0.34</v>
      </c>
      <c r="H27" s="229">
        <v>0.2</v>
      </c>
      <c r="I27" s="149">
        <v>1040</v>
      </c>
      <c r="J27" s="150">
        <v>93</v>
      </c>
      <c r="K27" s="227">
        <v>8.9</v>
      </c>
      <c r="L27" s="228">
        <v>0.48</v>
      </c>
      <c r="M27" s="229">
        <v>0.28999999999999998</v>
      </c>
      <c r="N27" s="149">
        <v>445</v>
      </c>
      <c r="O27" s="150">
        <v>142</v>
      </c>
      <c r="P27" s="227">
        <v>31.9</v>
      </c>
      <c r="Q27" s="228">
        <v>0</v>
      </c>
      <c r="R27" s="229">
        <v>0</v>
      </c>
      <c r="S27" s="137" t="s">
        <v>50</v>
      </c>
    </row>
    <row r="28" spans="1:19" ht="13.5" customHeight="1" x14ac:dyDescent="0.15">
      <c r="A28" s="553"/>
      <c r="B28" s="132" t="s">
        <v>51</v>
      </c>
      <c r="C28" s="133" t="s">
        <v>96</v>
      </c>
      <c r="D28" s="146">
        <v>725</v>
      </c>
      <c r="E28" s="147">
        <v>96</v>
      </c>
      <c r="F28" s="224">
        <v>13.2</v>
      </c>
      <c r="G28" s="225">
        <v>1.38</v>
      </c>
      <c r="H28" s="226">
        <v>1.24</v>
      </c>
      <c r="I28" s="146">
        <v>473</v>
      </c>
      <c r="J28" s="147">
        <v>30</v>
      </c>
      <c r="K28" s="224">
        <v>6.3</v>
      </c>
      <c r="L28" s="225">
        <v>1.71</v>
      </c>
      <c r="M28" s="226">
        <v>0.85</v>
      </c>
      <c r="N28" s="146">
        <v>252</v>
      </c>
      <c r="O28" s="147">
        <v>66</v>
      </c>
      <c r="P28" s="224">
        <v>26.2</v>
      </c>
      <c r="Q28" s="225">
        <v>0.78</v>
      </c>
      <c r="R28" s="226">
        <v>1.96</v>
      </c>
      <c r="S28" s="132" t="s">
        <v>51</v>
      </c>
    </row>
    <row r="29" spans="1:19" ht="13.5" customHeight="1" x14ac:dyDescent="0.15">
      <c r="A29" s="553"/>
      <c r="B29" s="137" t="s">
        <v>52</v>
      </c>
      <c r="C29" s="142" t="s">
        <v>97</v>
      </c>
      <c r="D29" s="149">
        <v>4191</v>
      </c>
      <c r="E29" s="150">
        <v>145</v>
      </c>
      <c r="F29" s="227">
        <v>3.5</v>
      </c>
      <c r="G29" s="228">
        <v>3.91</v>
      </c>
      <c r="H29" s="229">
        <v>2.14</v>
      </c>
      <c r="I29" s="149">
        <v>3416</v>
      </c>
      <c r="J29" s="150">
        <v>122</v>
      </c>
      <c r="K29" s="227">
        <v>3.6</v>
      </c>
      <c r="L29" s="228">
        <v>3.73</v>
      </c>
      <c r="M29" s="229">
        <v>2.61</v>
      </c>
      <c r="N29" s="149">
        <v>775</v>
      </c>
      <c r="O29" s="150">
        <v>23</v>
      </c>
      <c r="P29" s="227">
        <v>3</v>
      </c>
      <c r="Q29" s="228">
        <v>4.7300000000000004</v>
      </c>
      <c r="R29" s="229">
        <v>0</v>
      </c>
      <c r="S29" s="137" t="s">
        <v>52</v>
      </c>
    </row>
    <row r="30" spans="1:19" ht="13.5" customHeight="1" x14ac:dyDescent="0.15">
      <c r="A30" s="553"/>
      <c r="B30" s="132" t="s">
        <v>53</v>
      </c>
      <c r="C30" s="133" t="s">
        <v>98</v>
      </c>
      <c r="D30" s="146">
        <v>4996</v>
      </c>
      <c r="E30" s="147">
        <v>1047</v>
      </c>
      <c r="F30" s="224">
        <v>21</v>
      </c>
      <c r="G30" s="225">
        <v>0.3</v>
      </c>
      <c r="H30" s="226">
        <v>0.93</v>
      </c>
      <c r="I30" s="146">
        <v>3181</v>
      </c>
      <c r="J30" s="147">
        <v>202</v>
      </c>
      <c r="K30" s="224">
        <v>6.4</v>
      </c>
      <c r="L30" s="225">
        <v>0.22</v>
      </c>
      <c r="M30" s="226">
        <v>1.28</v>
      </c>
      <c r="N30" s="146">
        <v>1815</v>
      </c>
      <c r="O30" s="147">
        <v>845</v>
      </c>
      <c r="P30" s="224">
        <v>46.6</v>
      </c>
      <c r="Q30" s="225">
        <v>0.44</v>
      </c>
      <c r="R30" s="226">
        <v>0.33</v>
      </c>
      <c r="S30" s="132" t="s">
        <v>53</v>
      </c>
    </row>
    <row r="31" spans="1:19" ht="13.5" customHeight="1" x14ac:dyDescent="0.15">
      <c r="A31" s="553"/>
      <c r="B31" s="137" t="s">
        <v>54</v>
      </c>
      <c r="C31" s="142" t="s">
        <v>99</v>
      </c>
      <c r="D31" s="149">
        <v>25957</v>
      </c>
      <c r="E31" s="150">
        <v>1931</v>
      </c>
      <c r="F31" s="227">
        <v>7.4</v>
      </c>
      <c r="G31" s="228">
        <v>0.7</v>
      </c>
      <c r="H31" s="229">
        <v>1.76</v>
      </c>
      <c r="I31" s="149">
        <v>15911</v>
      </c>
      <c r="J31" s="150">
        <v>291</v>
      </c>
      <c r="K31" s="227">
        <v>1.8</v>
      </c>
      <c r="L31" s="228">
        <v>0.83</v>
      </c>
      <c r="M31" s="229">
        <v>0.99</v>
      </c>
      <c r="N31" s="149">
        <v>10046</v>
      </c>
      <c r="O31" s="150">
        <v>1640</v>
      </c>
      <c r="P31" s="227">
        <v>16.3</v>
      </c>
      <c r="Q31" s="228">
        <v>0.5</v>
      </c>
      <c r="R31" s="229">
        <v>2.96</v>
      </c>
      <c r="S31" s="137" t="s">
        <v>54</v>
      </c>
    </row>
    <row r="32" spans="1:19" ht="13.5" customHeight="1" x14ac:dyDescent="0.15">
      <c r="A32" s="553"/>
      <c r="B32" s="132" t="s">
        <v>55</v>
      </c>
      <c r="C32" s="133" t="s">
        <v>100</v>
      </c>
      <c r="D32" s="146">
        <v>13366</v>
      </c>
      <c r="E32" s="147">
        <v>2714</v>
      </c>
      <c r="F32" s="224">
        <v>20.3</v>
      </c>
      <c r="G32" s="225">
        <v>0.1</v>
      </c>
      <c r="H32" s="226">
        <v>0.88</v>
      </c>
      <c r="I32" s="146">
        <v>8422</v>
      </c>
      <c r="J32" s="147">
        <v>306</v>
      </c>
      <c r="K32" s="224">
        <v>3.6</v>
      </c>
      <c r="L32" s="225">
        <v>0.15</v>
      </c>
      <c r="M32" s="226">
        <v>1.4</v>
      </c>
      <c r="N32" s="146">
        <v>4944</v>
      </c>
      <c r="O32" s="147">
        <v>2408</v>
      </c>
      <c r="P32" s="224">
        <v>48.7</v>
      </c>
      <c r="Q32" s="225">
        <v>0</v>
      </c>
      <c r="R32" s="226">
        <v>0</v>
      </c>
      <c r="S32" s="132" t="s">
        <v>55</v>
      </c>
    </row>
    <row r="33" spans="1:19" ht="13.5" customHeight="1" x14ac:dyDescent="0.15">
      <c r="A33" s="553"/>
      <c r="B33" s="137" t="s">
        <v>56</v>
      </c>
      <c r="C33" s="142" t="s">
        <v>101</v>
      </c>
      <c r="D33" s="149">
        <v>3586</v>
      </c>
      <c r="E33" s="150">
        <v>205</v>
      </c>
      <c r="F33" s="227">
        <v>5.7</v>
      </c>
      <c r="G33" s="228">
        <v>0.95</v>
      </c>
      <c r="H33" s="229">
        <v>0.48</v>
      </c>
      <c r="I33" s="149">
        <v>2822</v>
      </c>
      <c r="J33" s="150">
        <v>72</v>
      </c>
      <c r="K33" s="227">
        <v>2.6</v>
      </c>
      <c r="L33" s="228">
        <v>0.67</v>
      </c>
      <c r="M33" s="229">
        <v>0.6</v>
      </c>
      <c r="N33" s="149">
        <v>764</v>
      </c>
      <c r="O33" s="150">
        <v>133</v>
      </c>
      <c r="P33" s="227">
        <v>17.399999999999999</v>
      </c>
      <c r="Q33" s="228">
        <v>2</v>
      </c>
      <c r="R33" s="229">
        <v>0</v>
      </c>
      <c r="S33" s="137" t="s">
        <v>56</v>
      </c>
    </row>
    <row r="34" spans="1:19" ht="13.5" customHeight="1" x14ac:dyDescent="0.15">
      <c r="A34" s="553"/>
      <c r="B34" s="132" t="s">
        <v>57</v>
      </c>
      <c r="C34" s="133" t="s">
        <v>102</v>
      </c>
      <c r="D34" s="146">
        <v>6440</v>
      </c>
      <c r="E34" s="147">
        <v>144</v>
      </c>
      <c r="F34" s="224">
        <v>2.2000000000000002</v>
      </c>
      <c r="G34" s="225">
        <v>0.26</v>
      </c>
      <c r="H34" s="226">
        <v>0.63</v>
      </c>
      <c r="I34" s="146">
        <v>5279</v>
      </c>
      <c r="J34" s="147">
        <v>94</v>
      </c>
      <c r="K34" s="224">
        <v>1.8</v>
      </c>
      <c r="L34" s="225">
        <v>0.26</v>
      </c>
      <c r="M34" s="226">
        <v>0.74</v>
      </c>
      <c r="N34" s="146">
        <v>1161</v>
      </c>
      <c r="O34" s="147">
        <v>50</v>
      </c>
      <c r="P34" s="224">
        <v>4.3</v>
      </c>
      <c r="Q34" s="225">
        <v>0.26</v>
      </c>
      <c r="R34" s="226">
        <v>0.17</v>
      </c>
      <c r="S34" s="132" t="s">
        <v>57</v>
      </c>
    </row>
    <row r="35" spans="1:19" ht="13.5" customHeight="1" x14ac:dyDescent="0.15">
      <c r="A35" s="553"/>
      <c r="B35" s="137" t="s">
        <v>58</v>
      </c>
      <c r="C35" s="142" t="s">
        <v>103</v>
      </c>
      <c r="D35" s="149">
        <v>5415</v>
      </c>
      <c r="E35" s="150">
        <v>100</v>
      </c>
      <c r="F35" s="227">
        <v>1.8</v>
      </c>
      <c r="G35" s="228">
        <v>0.35</v>
      </c>
      <c r="H35" s="229">
        <v>1.1000000000000001</v>
      </c>
      <c r="I35" s="149">
        <v>4949</v>
      </c>
      <c r="J35" s="150">
        <v>57</v>
      </c>
      <c r="K35" s="227">
        <v>1.2</v>
      </c>
      <c r="L35" s="228">
        <v>0.36</v>
      </c>
      <c r="M35" s="229">
        <v>1.1599999999999999</v>
      </c>
      <c r="N35" s="149">
        <v>466</v>
      </c>
      <c r="O35" s="150">
        <v>43</v>
      </c>
      <c r="P35" s="227">
        <v>9.1999999999999993</v>
      </c>
      <c r="Q35" s="228">
        <v>0.21</v>
      </c>
      <c r="R35" s="229">
        <v>0.43</v>
      </c>
      <c r="S35" s="137" t="s">
        <v>58</v>
      </c>
    </row>
    <row r="36" spans="1:19" ht="13.5" customHeight="1" x14ac:dyDescent="0.15">
      <c r="A36" s="553"/>
      <c r="B36" s="132" t="s">
        <v>59</v>
      </c>
      <c r="C36" s="133" t="s">
        <v>104</v>
      </c>
      <c r="D36" s="146">
        <v>6872</v>
      </c>
      <c r="E36" s="147">
        <v>25</v>
      </c>
      <c r="F36" s="224">
        <v>0.4</v>
      </c>
      <c r="G36" s="225">
        <v>1.47</v>
      </c>
      <c r="H36" s="226">
        <v>0.18</v>
      </c>
      <c r="I36" s="146">
        <v>6012</v>
      </c>
      <c r="J36" s="147">
        <v>1</v>
      </c>
      <c r="K36" s="224">
        <v>0</v>
      </c>
      <c r="L36" s="225">
        <v>0.8</v>
      </c>
      <c r="M36" s="226">
        <v>0</v>
      </c>
      <c r="N36" s="146">
        <v>860</v>
      </c>
      <c r="O36" s="147">
        <v>24</v>
      </c>
      <c r="P36" s="224">
        <v>2.8</v>
      </c>
      <c r="Q36" s="225">
        <v>6.34</v>
      </c>
      <c r="R36" s="226">
        <v>1.46</v>
      </c>
      <c r="S36" s="132" t="s">
        <v>59</v>
      </c>
    </row>
    <row r="37" spans="1:19" ht="13.5" customHeight="1" x14ac:dyDescent="0.15">
      <c r="A37" s="553"/>
      <c r="B37" s="137" t="s">
        <v>60</v>
      </c>
      <c r="C37" s="142" t="s">
        <v>105</v>
      </c>
      <c r="D37" s="149">
        <v>15880</v>
      </c>
      <c r="E37" s="150">
        <v>352</v>
      </c>
      <c r="F37" s="227">
        <v>2.2000000000000002</v>
      </c>
      <c r="G37" s="228">
        <v>0.52</v>
      </c>
      <c r="H37" s="229">
        <v>0.62</v>
      </c>
      <c r="I37" s="149">
        <v>12626</v>
      </c>
      <c r="J37" s="150">
        <v>213</v>
      </c>
      <c r="K37" s="227">
        <v>1.7</v>
      </c>
      <c r="L37" s="228">
        <v>0.36</v>
      </c>
      <c r="M37" s="229">
        <v>0.25</v>
      </c>
      <c r="N37" s="149">
        <v>3254</v>
      </c>
      <c r="O37" s="150">
        <v>139</v>
      </c>
      <c r="P37" s="227">
        <v>4.3</v>
      </c>
      <c r="Q37" s="228">
        <v>1.1000000000000001</v>
      </c>
      <c r="R37" s="229">
        <v>2.0099999999999998</v>
      </c>
      <c r="S37" s="137" t="s">
        <v>60</v>
      </c>
    </row>
    <row r="38" spans="1:19" ht="13.5" customHeight="1" x14ac:dyDescent="0.15">
      <c r="A38" s="553"/>
      <c r="B38" s="132" t="s">
        <v>61</v>
      </c>
      <c r="C38" s="133" t="s">
        <v>106</v>
      </c>
      <c r="D38" s="146">
        <v>17698</v>
      </c>
      <c r="E38" s="147">
        <v>154</v>
      </c>
      <c r="F38" s="224">
        <v>0.9</v>
      </c>
      <c r="G38" s="225">
        <v>1.69</v>
      </c>
      <c r="H38" s="226">
        <v>1.34</v>
      </c>
      <c r="I38" s="146">
        <v>14924</v>
      </c>
      <c r="J38" s="147">
        <v>42</v>
      </c>
      <c r="K38" s="224">
        <v>0.3</v>
      </c>
      <c r="L38" s="225">
        <v>1.96</v>
      </c>
      <c r="M38" s="226">
        <v>1.39</v>
      </c>
      <c r="N38" s="146">
        <v>2774</v>
      </c>
      <c r="O38" s="147">
        <v>112</v>
      </c>
      <c r="P38" s="224">
        <v>4</v>
      </c>
      <c r="Q38" s="225">
        <v>0.25</v>
      </c>
      <c r="R38" s="226">
        <v>1.07</v>
      </c>
      <c r="S38" s="132" t="s">
        <v>61</v>
      </c>
    </row>
    <row r="39" spans="1:19" ht="13.5" customHeight="1" x14ac:dyDescent="0.15">
      <c r="A39" s="553"/>
      <c r="B39" s="137" t="s">
        <v>62</v>
      </c>
      <c r="C39" s="142" t="s">
        <v>107</v>
      </c>
      <c r="D39" s="149">
        <v>16844</v>
      </c>
      <c r="E39" s="150">
        <v>432</v>
      </c>
      <c r="F39" s="227">
        <v>2.6</v>
      </c>
      <c r="G39" s="228">
        <v>0.39</v>
      </c>
      <c r="H39" s="229">
        <v>1.68</v>
      </c>
      <c r="I39" s="149">
        <v>14301</v>
      </c>
      <c r="J39" s="150">
        <v>250</v>
      </c>
      <c r="K39" s="227">
        <v>1.7</v>
      </c>
      <c r="L39" s="228">
        <v>0.4</v>
      </c>
      <c r="M39" s="229">
        <v>1.38</v>
      </c>
      <c r="N39" s="149">
        <v>2543</v>
      </c>
      <c r="O39" s="150">
        <v>182</v>
      </c>
      <c r="P39" s="227">
        <v>7.2</v>
      </c>
      <c r="Q39" s="228">
        <v>0.34</v>
      </c>
      <c r="R39" s="229">
        <v>3.32</v>
      </c>
      <c r="S39" s="137" t="s">
        <v>62</v>
      </c>
    </row>
    <row r="40" spans="1:19" ht="13.5" customHeight="1" x14ac:dyDescent="0.15">
      <c r="A40" s="553"/>
      <c r="B40" s="132" t="s">
        <v>63</v>
      </c>
      <c r="C40" s="133" t="s">
        <v>108</v>
      </c>
      <c r="D40" s="146">
        <v>17059</v>
      </c>
      <c r="E40" s="147">
        <v>76</v>
      </c>
      <c r="F40" s="224">
        <v>0.4</v>
      </c>
      <c r="G40" s="225">
        <v>0.31</v>
      </c>
      <c r="H40" s="226">
        <v>1.18</v>
      </c>
      <c r="I40" s="146">
        <v>14112</v>
      </c>
      <c r="J40" s="147">
        <v>67</v>
      </c>
      <c r="K40" s="224">
        <v>0.5</v>
      </c>
      <c r="L40" s="225">
        <v>0.34</v>
      </c>
      <c r="M40" s="226">
        <v>1.1499999999999999</v>
      </c>
      <c r="N40" s="146">
        <v>2947</v>
      </c>
      <c r="O40" s="147">
        <v>9</v>
      </c>
      <c r="P40" s="224">
        <v>0.3</v>
      </c>
      <c r="Q40" s="225">
        <v>0.13</v>
      </c>
      <c r="R40" s="226">
        <v>1.34</v>
      </c>
      <c r="S40" s="132" t="s">
        <v>63</v>
      </c>
    </row>
    <row r="41" spans="1:19" ht="13.5" customHeight="1" x14ac:dyDescent="0.15">
      <c r="A41" s="553"/>
      <c r="B41" s="137" t="s">
        <v>64</v>
      </c>
      <c r="C41" s="142" t="s">
        <v>109</v>
      </c>
      <c r="D41" s="149">
        <v>16696</v>
      </c>
      <c r="E41" s="150">
        <v>370</v>
      </c>
      <c r="F41" s="227">
        <v>2.2000000000000002</v>
      </c>
      <c r="G41" s="228">
        <v>0.56999999999999995</v>
      </c>
      <c r="H41" s="229">
        <v>1.04</v>
      </c>
      <c r="I41" s="149">
        <v>13205</v>
      </c>
      <c r="J41" s="150">
        <v>159</v>
      </c>
      <c r="K41" s="227">
        <v>1.2</v>
      </c>
      <c r="L41" s="228">
        <v>0.51</v>
      </c>
      <c r="M41" s="229">
        <v>1.17</v>
      </c>
      <c r="N41" s="149">
        <v>3491</v>
      </c>
      <c r="O41" s="150">
        <v>211</v>
      </c>
      <c r="P41" s="227">
        <v>6</v>
      </c>
      <c r="Q41" s="228">
        <v>0.77</v>
      </c>
      <c r="R41" s="229">
        <v>0.56999999999999995</v>
      </c>
      <c r="S41" s="137" t="s">
        <v>64</v>
      </c>
    </row>
    <row r="42" spans="1:19" ht="13.5" customHeight="1" x14ac:dyDescent="0.15">
      <c r="A42" s="553"/>
      <c r="B42" s="132" t="s">
        <v>65</v>
      </c>
      <c r="C42" s="133" t="s">
        <v>110</v>
      </c>
      <c r="D42" s="146">
        <v>19424</v>
      </c>
      <c r="E42" s="147">
        <v>1314</v>
      </c>
      <c r="F42" s="224">
        <v>6.8</v>
      </c>
      <c r="G42" s="225">
        <v>0.32</v>
      </c>
      <c r="H42" s="226">
        <v>0.47</v>
      </c>
      <c r="I42" s="146">
        <v>14361</v>
      </c>
      <c r="J42" s="147">
        <v>254</v>
      </c>
      <c r="K42" s="224">
        <v>1.8</v>
      </c>
      <c r="L42" s="225">
        <v>0.38</v>
      </c>
      <c r="M42" s="226">
        <v>0.57999999999999996</v>
      </c>
      <c r="N42" s="146">
        <v>5063</v>
      </c>
      <c r="O42" s="147">
        <v>1060</v>
      </c>
      <c r="P42" s="224">
        <v>20.9</v>
      </c>
      <c r="Q42" s="225">
        <v>0.16</v>
      </c>
      <c r="R42" s="226">
        <v>0.16</v>
      </c>
      <c r="S42" s="132" t="s">
        <v>65</v>
      </c>
    </row>
    <row r="43" spans="1:19" ht="13.5" customHeight="1" x14ac:dyDescent="0.15">
      <c r="A43" s="553"/>
      <c r="B43" s="137" t="s">
        <v>66</v>
      </c>
      <c r="C43" s="142" t="s">
        <v>111</v>
      </c>
      <c r="D43" s="149">
        <v>26007</v>
      </c>
      <c r="E43" s="150">
        <v>331</v>
      </c>
      <c r="F43" s="227">
        <v>1.3</v>
      </c>
      <c r="G43" s="228">
        <v>0.74</v>
      </c>
      <c r="H43" s="229">
        <v>0.47</v>
      </c>
      <c r="I43" s="149">
        <v>21831</v>
      </c>
      <c r="J43" s="150">
        <v>169</v>
      </c>
      <c r="K43" s="227">
        <v>0.8</v>
      </c>
      <c r="L43" s="228">
        <v>0.71</v>
      </c>
      <c r="M43" s="229">
        <v>0.53</v>
      </c>
      <c r="N43" s="149">
        <v>4176</v>
      </c>
      <c r="O43" s="150">
        <v>162</v>
      </c>
      <c r="P43" s="227">
        <v>3.9</v>
      </c>
      <c r="Q43" s="228">
        <v>0.92</v>
      </c>
      <c r="R43" s="229">
        <v>0.14000000000000001</v>
      </c>
      <c r="S43" s="137" t="s">
        <v>66</v>
      </c>
    </row>
    <row r="44" spans="1:19" ht="13.5" customHeight="1" x14ac:dyDescent="0.15">
      <c r="A44" s="553"/>
      <c r="B44" s="132" t="s">
        <v>67</v>
      </c>
      <c r="C44" s="133" t="s">
        <v>112</v>
      </c>
      <c r="D44" s="146">
        <v>59261</v>
      </c>
      <c r="E44" s="147">
        <v>3366</v>
      </c>
      <c r="F44" s="224">
        <v>5.7</v>
      </c>
      <c r="G44" s="225">
        <v>0.93</v>
      </c>
      <c r="H44" s="226">
        <v>1.26</v>
      </c>
      <c r="I44" s="146">
        <v>50755</v>
      </c>
      <c r="J44" s="147">
        <v>1614</v>
      </c>
      <c r="K44" s="224">
        <v>3.2</v>
      </c>
      <c r="L44" s="225">
        <v>0.61</v>
      </c>
      <c r="M44" s="226">
        <v>1.31</v>
      </c>
      <c r="N44" s="146">
        <v>8506</v>
      </c>
      <c r="O44" s="147">
        <v>1752</v>
      </c>
      <c r="P44" s="224">
        <v>20.6</v>
      </c>
      <c r="Q44" s="225">
        <v>2.86</v>
      </c>
      <c r="R44" s="226">
        <v>0.97</v>
      </c>
      <c r="S44" s="132" t="s">
        <v>67</v>
      </c>
    </row>
    <row r="45" spans="1:19" ht="7.5" customHeight="1" x14ac:dyDescent="0.15">
      <c r="A45" s="553"/>
      <c r="B45" s="137"/>
      <c r="C45" s="142"/>
      <c r="D45" s="149"/>
      <c r="E45" s="150"/>
      <c r="F45" s="227"/>
      <c r="G45" s="228"/>
      <c r="H45" s="229"/>
      <c r="I45" s="149"/>
      <c r="J45" s="150"/>
      <c r="K45" s="227"/>
      <c r="L45" s="228"/>
      <c r="M45" s="229"/>
      <c r="N45" s="149"/>
      <c r="O45" s="150"/>
      <c r="P45" s="227"/>
      <c r="Q45" s="228"/>
      <c r="R45" s="229"/>
      <c r="S45" s="137"/>
    </row>
    <row r="46" spans="1:19" ht="13.5" customHeight="1" x14ac:dyDescent="0.15">
      <c r="A46" s="553"/>
      <c r="B46" s="137" t="s">
        <v>113</v>
      </c>
      <c r="C46" s="142" t="s">
        <v>114</v>
      </c>
      <c r="D46" s="149">
        <v>1835</v>
      </c>
      <c r="E46" s="150">
        <v>734</v>
      </c>
      <c r="F46" s="227">
        <v>40</v>
      </c>
      <c r="G46" s="228">
        <v>0.16</v>
      </c>
      <c r="H46" s="229">
        <v>1.4</v>
      </c>
      <c r="I46" s="149">
        <v>1340</v>
      </c>
      <c r="J46" s="150">
        <v>504</v>
      </c>
      <c r="K46" s="227">
        <v>37.6</v>
      </c>
      <c r="L46" s="228">
        <v>0.22</v>
      </c>
      <c r="M46" s="229">
        <v>1.91</v>
      </c>
      <c r="N46" s="149">
        <v>495</v>
      </c>
      <c r="O46" s="150">
        <v>230</v>
      </c>
      <c r="P46" s="227">
        <v>46.5</v>
      </c>
      <c r="Q46" s="228">
        <v>0</v>
      </c>
      <c r="R46" s="229">
        <v>0</v>
      </c>
      <c r="S46" s="137" t="s">
        <v>113</v>
      </c>
    </row>
    <row r="47" spans="1:19" ht="13.5" customHeight="1" thickBot="1" x14ac:dyDescent="0.2">
      <c r="A47" s="553"/>
      <c r="B47" s="152" t="s">
        <v>68</v>
      </c>
      <c r="C47" s="153" t="s">
        <v>115</v>
      </c>
      <c r="D47" s="166">
        <v>156523</v>
      </c>
      <c r="E47" s="167">
        <v>27636</v>
      </c>
      <c r="F47" s="242">
        <v>17.7</v>
      </c>
      <c r="G47" s="243">
        <v>0.81</v>
      </c>
      <c r="H47" s="244">
        <v>1.1000000000000001</v>
      </c>
      <c r="I47" s="166">
        <v>49200</v>
      </c>
      <c r="J47" s="167">
        <v>6632</v>
      </c>
      <c r="K47" s="242">
        <v>13.5</v>
      </c>
      <c r="L47" s="243">
        <v>0.66</v>
      </c>
      <c r="M47" s="244">
        <v>0.65</v>
      </c>
      <c r="N47" s="166">
        <v>107323</v>
      </c>
      <c r="O47" s="167">
        <v>21004</v>
      </c>
      <c r="P47" s="242">
        <v>19.600000000000001</v>
      </c>
      <c r="Q47" s="243">
        <v>0.88</v>
      </c>
      <c r="R47" s="244">
        <v>1.31</v>
      </c>
      <c r="S47" s="152" t="s">
        <v>68</v>
      </c>
    </row>
    <row r="48" spans="1:19" ht="11.25" customHeight="1" x14ac:dyDescent="0.15"/>
  </sheetData>
  <mergeCells count="21">
    <mergeCell ref="G6:G7"/>
    <mergeCell ref="H6:H7"/>
    <mergeCell ref="L6:L7"/>
    <mergeCell ref="M6:M7"/>
    <mergeCell ref="Q6:Q7"/>
    <mergeCell ref="A1:A47"/>
    <mergeCell ref="B1:S1"/>
    <mergeCell ref="B2:G2"/>
    <mergeCell ref="O2:S2"/>
    <mergeCell ref="B3:C7"/>
    <mergeCell ref="D3:H4"/>
    <mergeCell ref="I3:M4"/>
    <mergeCell ref="N3:R4"/>
    <mergeCell ref="S3:S7"/>
    <mergeCell ref="D5:D7"/>
    <mergeCell ref="R6:R7"/>
    <mergeCell ref="G5:H5"/>
    <mergeCell ref="I5:I7"/>
    <mergeCell ref="L5:M5"/>
    <mergeCell ref="N5:N7"/>
    <mergeCell ref="Q5:R5"/>
  </mergeCells>
  <phoneticPr fontId="3"/>
  <printOptions horizontalCentered="1"/>
  <pageMargins left="0.59055118110236227" right="0.59055118110236227" top="0.39370078740157483" bottom="0.59055118110236227" header="0" footer="0.19685039370078741"/>
  <pageSetup paperSize="9" scale="86" orientation="landscape" errors="blank"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1123CCA-2859-428C-865F-200D5A4EE0E1}">
  <sheetPr codeName="Sheet14">
    <tabColor indexed="52"/>
    <pageSetUpPr fitToPage="1"/>
  </sheetPr>
  <dimension ref="A1:S26"/>
  <sheetViews>
    <sheetView view="pageBreakPreview" zoomScaleNormal="85" zoomScaleSheetLayoutView="100" workbookViewId="0">
      <selection sqref="A1:A24"/>
    </sheetView>
  </sheetViews>
  <sheetFormatPr defaultRowHeight="13.5" x14ac:dyDescent="0.15"/>
  <cols>
    <col min="1" max="1" width="5" style="3" customWidth="1"/>
    <col min="2" max="2" width="18.875" style="28" customWidth="1"/>
    <col min="3" max="3" width="4" style="161" customWidth="1"/>
    <col min="4" max="4" width="7.875" style="28" customWidth="1"/>
    <col min="5" max="5" width="6.625" style="28" customWidth="1"/>
    <col min="6" max="6" width="7.875" style="28" customWidth="1"/>
    <col min="7" max="7" width="6.625" style="28" customWidth="1"/>
    <col min="8" max="8" width="9.125" style="28" customWidth="1"/>
    <col min="9" max="9" width="6.625" style="28" customWidth="1"/>
    <col min="10" max="10" width="7.875" style="28" customWidth="1"/>
    <col min="11" max="11" width="6.625" style="28" customWidth="1"/>
    <col min="12" max="12" width="7.875" style="28" customWidth="1"/>
    <col min="13" max="13" width="6.625" style="28" customWidth="1"/>
    <col min="14" max="14" width="7.875" style="28" customWidth="1"/>
    <col min="15" max="15" width="6.625" style="28" customWidth="1"/>
    <col min="16" max="16" width="7.875" style="28" customWidth="1"/>
    <col min="17" max="17" width="6.625" style="28" customWidth="1"/>
    <col min="18" max="18" width="7.875" style="28" customWidth="1"/>
    <col min="19" max="19" width="6.625" style="28" customWidth="1"/>
    <col min="20" max="16384" width="9" style="3"/>
  </cols>
  <sheetData>
    <row r="1" spans="1:19" ht="24.75" customHeight="1" x14ac:dyDescent="0.15">
      <c r="A1" s="553" t="s">
        <v>141</v>
      </c>
      <c r="B1" s="491" t="s">
        <v>144</v>
      </c>
      <c r="C1" s="491"/>
      <c r="D1" s="491"/>
      <c r="E1" s="491"/>
      <c r="F1" s="491"/>
      <c r="G1" s="491"/>
      <c r="H1" s="491"/>
      <c r="I1" s="491"/>
      <c r="J1" s="491"/>
      <c r="K1" s="491"/>
      <c r="L1" s="491"/>
      <c r="M1" s="491"/>
      <c r="N1" s="491"/>
      <c r="O1" s="491"/>
      <c r="P1" s="491"/>
      <c r="Q1" s="491"/>
      <c r="R1" s="491"/>
      <c r="S1" s="491"/>
    </row>
    <row r="2" spans="1:19" ht="11.25" customHeight="1" x14ac:dyDescent="0.15">
      <c r="A2" s="553"/>
      <c r="B2" s="245"/>
      <c r="C2" s="1"/>
      <c r="D2" s="246"/>
      <c r="E2" s="246"/>
      <c r="F2" s="246"/>
      <c r="G2" s="246"/>
      <c r="H2" s="246"/>
      <c r="I2" s="246"/>
      <c r="J2" s="246"/>
      <c r="K2" s="246"/>
      <c r="L2" s="246"/>
      <c r="M2" s="245"/>
      <c r="N2" s="245"/>
      <c r="O2" s="245"/>
      <c r="P2" s="245"/>
    </row>
    <row r="3" spans="1:19" ht="15.75" customHeight="1" thickBot="1" x14ac:dyDescent="0.2">
      <c r="A3" s="553"/>
      <c r="B3" s="580" t="s">
        <v>145</v>
      </c>
      <c r="C3" s="580"/>
    </row>
    <row r="4" spans="1:19" ht="15.75" customHeight="1" x14ac:dyDescent="0.15">
      <c r="A4" s="553"/>
      <c r="B4" s="493" t="s">
        <v>146</v>
      </c>
      <c r="C4" s="520"/>
      <c r="D4" s="247"/>
      <c r="E4" s="581" t="s">
        <v>78</v>
      </c>
      <c r="F4" s="581"/>
      <c r="G4" s="248"/>
      <c r="H4" s="249"/>
      <c r="I4" s="581" t="s">
        <v>80</v>
      </c>
      <c r="J4" s="581"/>
      <c r="K4" s="250"/>
      <c r="L4" s="492" t="s">
        <v>147</v>
      </c>
      <c r="M4" s="556"/>
      <c r="N4" s="556"/>
      <c r="O4" s="573"/>
      <c r="P4" s="493" t="s">
        <v>91</v>
      </c>
      <c r="Q4" s="556"/>
      <c r="R4" s="556"/>
      <c r="S4" s="556"/>
    </row>
    <row r="5" spans="1:19" ht="15.75" customHeight="1" x14ac:dyDescent="0.15">
      <c r="A5" s="553"/>
      <c r="B5" s="495"/>
      <c r="C5" s="521"/>
      <c r="D5" s="251"/>
      <c r="E5" s="582"/>
      <c r="F5" s="582"/>
      <c r="G5" s="252"/>
      <c r="H5" s="130"/>
      <c r="I5" s="582"/>
      <c r="J5" s="582"/>
      <c r="K5" s="253"/>
      <c r="L5" s="574"/>
      <c r="M5" s="557"/>
      <c r="N5" s="557"/>
      <c r="O5" s="575"/>
      <c r="P5" s="557"/>
      <c r="Q5" s="557"/>
      <c r="R5" s="557"/>
      <c r="S5" s="557"/>
    </row>
    <row r="6" spans="1:19" ht="30" customHeight="1" x14ac:dyDescent="0.15">
      <c r="A6" s="553"/>
      <c r="B6" s="495"/>
      <c r="C6" s="521"/>
      <c r="D6" s="583" t="s">
        <v>148</v>
      </c>
      <c r="E6" s="584"/>
      <c r="F6" s="583" t="s">
        <v>149</v>
      </c>
      <c r="G6" s="585"/>
      <c r="H6" s="586" t="s">
        <v>148</v>
      </c>
      <c r="I6" s="584"/>
      <c r="J6" s="583" t="s">
        <v>149</v>
      </c>
      <c r="K6" s="586"/>
      <c r="L6" s="583" t="s">
        <v>148</v>
      </c>
      <c r="M6" s="584"/>
      <c r="N6" s="583" t="s">
        <v>149</v>
      </c>
      <c r="O6" s="586"/>
      <c r="P6" s="583" t="s">
        <v>148</v>
      </c>
      <c r="Q6" s="584"/>
      <c r="R6" s="583" t="s">
        <v>149</v>
      </c>
      <c r="S6" s="586"/>
    </row>
    <row r="7" spans="1:19" ht="10.5" customHeight="1" x14ac:dyDescent="0.15">
      <c r="A7" s="553"/>
      <c r="B7" s="495"/>
      <c r="C7" s="521"/>
      <c r="D7" s="29"/>
      <c r="E7" s="254" t="s">
        <v>150</v>
      </c>
      <c r="G7" s="255" t="s">
        <v>150</v>
      </c>
      <c r="H7" s="137"/>
      <c r="I7" s="254" t="s">
        <v>150</v>
      </c>
      <c r="J7" s="137"/>
      <c r="K7" s="254" t="s">
        <v>150</v>
      </c>
      <c r="L7" s="182"/>
      <c r="M7" s="254" t="s">
        <v>150</v>
      </c>
      <c r="N7" s="137"/>
      <c r="O7" s="254" t="s">
        <v>150</v>
      </c>
      <c r="P7" s="137"/>
      <c r="Q7" s="254" t="s">
        <v>150</v>
      </c>
      <c r="R7" s="137"/>
      <c r="S7" s="256" t="s">
        <v>150</v>
      </c>
    </row>
    <row r="8" spans="1:19" s="262" customFormat="1" ht="11.25" customHeight="1" x14ac:dyDescent="0.15">
      <c r="A8" s="553"/>
      <c r="B8" s="507" t="s">
        <v>151</v>
      </c>
      <c r="C8" s="525"/>
      <c r="D8" s="257"/>
      <c r="E8" s="258" t="s">
        <v>142</v>
      </c>
      <c r="F8" s="259"/>
      <c r="G8" s="260" t="s">
        <v>142</v>
      </c>
      <c r="H8" s="259"/>
      <c r="I8" s="258" t="s">
        <v>142</v>
      </c>
      <c r="J8" s="259"/>
      <c r="K8" s="258" t="s">
        <v>142</v>
      </c>
      <c r="L8" s="261"/>
      <c r="M8" s="258" t="s">
        <v>142</v>
      </c>
      <c r="N8" s="259"/>
      <c r="O8" s="258" t="s">
        <v>142</v>
      </c>
      <c r="P8" s="259"/>
      <c r="Q8" s="258" t="s">
        <v>142</v>
      </c>
      <c r="R8" s="259"/>
      <c r="S8" s="21" t="s">
        <v>142</v>
      </c>
    </row>
    <row r="9" spans="1:19" ht="15" customHeight="1" x14ac:dyDescent="0.15">
      <c r="A9" s="553"/>
      <c r="B9" s="263"/>
      <c r="C9" s="263"/>
      <c r="D9" s="29"/>
      <c r="E9" s="264"/>
      <c r="F9" s="159"/>
      <c r="G9" s="265"/>
      <c r="H9" s="159"/>
      <c r="I9" s="264"/>
      <c r="J9" s="159"/>
      <c r="K9" s="266"/>
      <c r="L9" s="267"/>
      <c r="M9" s="264"/>
      <c r="N9" s="159"/>
      <c r="O9" s="266"/>
      <c r="P9" s="159"/>
      <c r="Q9" s="264"/>
      <c r="S9" s="264"/>
    </row>
    <row r="10" spans="1:19" ht="30" customHeight="1" x14ac:dyDescent="0.15">
      <c r="A10" s="553"/>
      <c r="B10" s="268" t="s">
        <v>5</v>
      </c>
      <c r="C10" s="269" t="s">
        <v>152</v>
      </c>
      <c r="D10" s="270">
        <v>411690</v>
      </c>
      <c r="E10" s="271">
        <v>4</v>
      </c>
      <c r="F10" s="272">
        <v>114523</v>
      </c>
      <c r="G10" s="273">
        <v>6.5</v>
      </c>
      <c r="H10" s="272">
        <v>453661</v>
      </c>
      <c r="I10" s="271">
        <v>2.6</v>
      </c>
      <c r="J10" s="272">
        <v>156725</v>
      </c>
      <c r="K10" s="274">
        <v>12</v>
      </c>
      <c r="L10" s="270">
        <v>394324</v>
      </c>
      <c r="M10" s="271">
        <v>8.9</v>
      </c>
      <c r="N10" s="272">
        <v>109321</v>
      </c>
      <c r="O10" s="274">
        <v>5.3</v>
      </c>
      <c r="P10" s="272">
        <v>370438</v>
      </c>
      <c r="Q10" s="271">
        <v>-0.8</v>
      </c>
      <c r="R10" s="272">
        <v>135069</v>
      </c>
      <c r="S10" s="271">
        <v>1.7</v>
      </c>
    </row>
    <row r="11" spans="1:19" ht="30" customHeight="1" x14ac:dyDescent="0.15">
      <c r="A11" s="553"/>
      <c r="B11" s="275" t="s">
        <v>153</v>
      </c>
      <c r="C11" s="276" t="s">
        <v>152</v>
      </c>
      <c r="D11" s="277">
        <v>396866</v>
      </c>
      <c r="E11" s="278">
        <v>2.6</v>
      </c>
      <c r="F11" s="279">
        <v>112554</v>
      </c>
      <c r="G11" s="280">
        <v>5.3</v>
      </c>
      <c r="H11" s="279">
        <v>421333</v>
      </c>
      <c r="I11" s="278">
        <v>-1.6</v>
      </c>
      <c r="J11" s="279">
        <v>156173</v>
      </c>
      <c r="K11" s="281">
        <v>12</v>
      </c>
      <c r="L11" s="277">
        <v>388605</v>
      </c>
      <c r="M11" s="278">
        <v>8.9</v>
      </c>
      <c r="N11" s="279">
        <v>108596</v>
      </c>
      <c r="O11" s="281">
        <v>5.4</v>
      </c>
      <c r="P11" s="279">
        <v>355677</v>
      </c>
      <c r="Q11" s="278">
        <v>-1</v>
      </c>
      <c r="R11" s="279">
        <v>133893</v>
      </c>
      <c r="S11" s="278">
        <v>0.9</v>
      </c>
    </row>
    <row r="12" spans="1:19" ht="30" customHeight="1" x14ac:dyDescent="0.15">
      <c r="A12" s="553"/>
      <c r="B12" s="268" t="s">
        <v>8</v>
      </c>
      <c r="C12" s="269" t="s">
        <v>152</v>
      </c>
      <c r="D12" s="270">
        <v>369732</v>
      </c>
      <c r="E12" s="271">
        <v>3.1</v>
      </c>
      <c r="F12" s="272">
        <v>108818</v>
      </c>
      <c r="G12" s="273">
        <v>5.2</v>
      </c>
      <c r="H12" s="272">
        <v>385672</v>
      </c>
      <c r="I12" s="271">
        <v>-1.5</v>
      </c>
      <c r="J12" s="272">
        <v>147259</v>
      </c>
      <c r="K12" s="274">
        <v>13</v>
      </c>
      <c r="L12" s="270">
        <v>366137</v>
      </c>
      <c r="M12" s="271">
        <v>10.5</v>
      </c>
      <c r="N12" s="272">
        <v>106757</v>
      </c>
      <c r="O12" s="274">
        <v>5.9</v>
      </c>
      <c r="P12" s="272">
        <v>336053</v>
      </c>
      <c r="Q12" s="271">
        <v>-0.3</v>
      </c>
      <c r="R12" s="272">
        <v>130866</v>
      </c>
      <c r="S12" s="271">
        <v>0.9</v>
      </c>
    </row>
    <row r="13" spans="1:19" ht="30" customHeight="1" x14ac:dyDescent="0.15">
      <c r="A13" s="553"/>
      <c r="B13" s="275" t="s">
        <v>9</v>
      </c>
      <c r="C13" s="276" t="s">
        <v>152</v>
      </c>
      <c r="D13" s="277">
        <v>27134</v>
      </c>
      <c r="E13" s="278" t="s">
        <v>154</v>
      </c>
      <c r="F13" s="279">
        <v>3736</v>
      </c>
      <c r="G13" s="280" t="s">
        <v>154</v>
      </c>
      <c r="H13" s="279">
        <v>35661</v>
      </c>
      <c r="I13" s="278" t="s">
        <v>154</v>
      </c>
      <c r="J13" s="279">
        <v>8914</v>
      </c>
      <c r="K13" s="281" t="s">
        <v>154</v>
      </c>
      <c r="L13" s="277">
        <v>22468</v>
      </c>
      <c r="M13" s="278" t="s">
        <v>154</v>
      </c>
      <c r="N13" s="279">
        <v>1839</v>
      </c>
      <c r="O13" s="281" t="s">
        <v>154</v>
      </c>
      <c r="P13" s="279">
        <v>19624</v>
      </c>
      <c r="Q13" s="278" t="s">
        <v>154</v>
      </c>
      <c r="R13" s="279">
        <v>3027</v>
      </c>
      <c r="S13" s="278" t="s">
        <v>154</v>
      </c>
    </row>
    <row r="14" spans="1:19" ht="30" customHeight="1" x14ac:dyDescent="0.15">
      <c r="A14" s="553"/>
      <c r="B14" s="268" t="s">
        <v>155</v>
      </c>
      <c r="C14" s="269" t="s">
        <v>152</v>
      </c>
      <c r="D14" s="270">
        <v>14824</v>
      </c>
      <c r="E14" s="271" t="s">
        <v>154</v>
      </c>
      <c r="F14" s="272">
        <v>1969</v>
      </c>
      <c r="G14" s="273" t="s">
        <v>154</v>
      </c>
      <c r="H14" s="272">
        <v>32328</v>
      </c>
      <c r="I14" s="271" t="s">
        <v>154</v>
      </c>
      <c r="J14" s="272">
        <v>552</v>
      </c>
      <c r="K14" s="274" t="s">
        <v>154</v>
      </c>
      <c r="L14" s="270">
        <v>5719</v>
      </c>
      <c r="M14" s="271" t="s">
        <v>154</v>
      </c>
      <c r="N14" s="272">
        <v>725</v>
      </c>
      <c r="O14" s="274" t="s">
        <v>154</v>
      </c>
      <c r="P14" s="272">
        <v>14761</v>
      </c>
      <c r="Q14" s="271" t="s">
        <v>154</v>
      </c>
      <c r="R14" s="272">
        <v>1176</v>
      </c>
      <c r="S14" s="271" t="s">
        <v>154</v>
      </c>
    </row>
    <row r="15" spans="1:19" ht="15" customHeight="1" x14ac:dyDescent="0.15">
      <c r="A15" s="553"/>
      <c r="B15" s="275"/>
      <c r="C15" s="282"/>
      <c r="D15" s="283"/>
      <c r="E15" s="278"/>
      <c r="F15" s="284"/>
      <c r="G15" s="280"/>
      <c r="H15" s="284"/>
      <c r="I15" s="278"/>
      <c r="J15" s="284"/>
      <c r="K15" s="281"/>
      <c r="L15" s="283"/>
      <c r="M15" s="278"/>
      <c r="N15" s="284"/>
      <c r="O15" s="281"/>
      <c r="P15" s="284"/>
      <c r="Q15" s="278"/>
      <c r="R15" s="284"/>
      <c r="S15" s="278"/>
    </row>
    <row r="16" spans="1:19" ht="30" customHeight="1" x14ac:dyDescent="0.15">
      <c r="A16" s="553"/>
      <c r="B16" s="275" t="s">
        <v>18</v>
      </c>
      <c r="C16" s="276" t="s">
        <v>156</v>
      </c>
      <c r="D16" s="285">
        <v>18.3</v>
      </c>
      <c r="E16" s="278">
        <v>0.2</v>
      </c>
      <c r="F16" s="286">
        <v>11.7</v>
      </c>
      <c r="G16" s="280">
        <v>0.1</v>
      </c>
      <c r="H16" s="286">
        <v>17.399999999999999</v>
      </c>
      <c r="I16" s="278">
        <v>-0.2</v>
      </c>
      <c r="J16" s="286">
        <v>14.8</v>
      </c>
      <c r="K16" s="281">
        <v>0.1</v>
      </c>
      <c r="L16" s="285">
        <v>18.899999999999999</v>
      </c>
      <c r="M16" s="278">
        <v>0.7</v>
      </c>
      <c r="N16" s="286">
        <v>12.9</v>
      </c>
      <c r="O16" s="281">
        <v>-0.1</v>
      </c>
      <c r="P16" s="286">
        <v>18.2</v>
      </c>
      <c r="Q16" s="278">
        <v>-0.2</v>
      </c>
      <c r="R16" s="286">
        <v>11.2</v>
      </c>
      <c r="S16" s="278">
        <v>0</v>
      </c>
    </row>
    <row r="17" spans="1:19" ht="30" customHeight="1" x14ac:dyDescent="0.15">
      <c r="A17" s="553"/>
      <c r="B17" s="268" t="s">
        <v>19</v>
      </c>
      <c r="C17" s="269" t="s">
        <v>157</v>
      </c>
      <c r="D17" s="287">
        <v>154.19999999999999</v>
      </c>
      <c r="E17" s="271">
        <v>1</v>
      </c>
      <c r="F17" s="288">
        <v>70.7</v>
      </c>
      <c r="G17" s="273">
        <v>2.7</v>
      </c>
      <c r="H17" s="288">
        <v>149.4</v>
      </c>
      <c r="I17" s="271">
        <v>-0.4</v>
      </c>
      <c r="J17" s="288">
        <v>102.7</v>
      </c>
      <c r="K17" s="274">
        <v>3.3</v>
      </c>
      <c r="L17" s="287">
        <v>160</v>
      </c>
      <c r="M17" s="271">
        <v>4.2</v>
      </c>
      <c r="N17" s="288">
        <v>75.7</v>
      </c>
      <c r="O17" s="274">
        <v>2.6</v>
      </c>
      <c r="P17" s="288">
        <v>148.9</v>
      </c>
      <c r="Q17" s="271">
        <v>0.8</v>
      </c>
      <c r="R17" s="288">
        <v>69</v>
      </c>
      <c r="S17" s="271">
        <v>3</v>
      </c>
    </row>
    <row r="18" spans="1:19" ht="30" customHeight="1" x14ac:dyDescent="0.15">
      <c r="A18" s="553"/>
      <c r="B18" s="275" t="s">
        <v>20</v>
      </c>
      <c r="C18" s="276" t="s">
        <v>157</v>
      </c>
      <c r="D18" s="285">
        <v>140.4</v>
      </c>
      <c r="E18" s="278">
        <v>1.5</v>
      </c>
      <c r="F18" s="286">
        <v>68.099999999999994</v>
      </c>
      <c r="G18" s="280">
        <v>2.7</v>
      </c>
      <c r="H18" s="286">
        <v>135.1</v>
      </c>
      <c r="I18" s="278">
        <v>-0.7</v>
      </c>
      <c r="J18" s="286">
        <v>98.4</v>
      </c>
      <c r="K18" s="281">
        <v>4.5999999999999996</v>
      </c>
      <c r="L18" s="285">
        <v>146.6</v>
      </c>
      <c r="M18" s="278">
        <v>4.2</v>
      </c>
      <c r="N18" s="286">
        <v>73.8</v>
      </c>
      <c r="O18" s="281">
        <v>2.4</v>
      </c>
      <c r="P18" s="286">
        <v>140.9</v>
      </c>
      <c r="Q18" s="278">
        <v>1.3</v>
      </c>
      <c r="R18" s="286">
        <v>67.599999999999994</v>
      </c>
      <c r="S18" s="278">
        <v>3.2</v>
      </c>
    </row>
    <row r="19" spans="1:19" ht="30" customHeight="1" x14ac:dyDescent="0.15">
      <c r="A19" s="553"/>
      <c r="B19" s="268" t="s">
        <v>21</v>
      </c>
      <c r="C19" s="269" t="s">
        <v>157</v>
      </c>
      <c r="D19" s="287">
        <v>13.8</v>
      </c>
      <c r="E19" s="271">
        <v>-2.8</v>
      </c>
      <c r="F19" s="288">
        <v>2.6</v>
      </c>
      <c r="G19" s="273">
        <v>0</v>
      </c>
      <c r="H19" s="288">
        <v>14.3</v>
      </c>
      <c r="I19" s="271">
        <v>2.1</v>
      </c>
      <c r="J19" s="288">
        <v>4.3</v>
      </c>
      <c r="K19" s="274">
        <v>-18.8</v>
      </c>
      <c r="L19" s="287">
        <v>13.4</v>
      </c>
      <c r="M19" s="271">
        <v>4.7</v>
      </c>
      <c r="N19" s="288">
        <v>1.9</v>
      </c>
      <c r="O19" s="274">
        <v>11.8</v>
      </c>
      <c r="P19" s="288">
        <v>8</v>
      </c>
      <c r="Q19" s="271">
        <v>-8</v>
      </c>
      <c r="R19" s="288">
        <v>1.4</v>
      </c>
      <c r="S19" s="271">
        <v>-6.6</v>
      </c>
    </row>
    <row r="20" spans="1:19" ht="15" customHeight="1" x14ac:dyDescent="0.15">
      <c r="A20" s="553"/>
      <c r="B20" s="275"/>
      <c r="C20" s="276"/>
      <c r="D20" s="283"/>
      <c r="E20" s="278"/>
      <c r="F20" s="284"/>
      <c r="G20" s="280"/>
      <c r="H20" s="284"/>
      <c r="I20" s="278"/>
      <c r="J20" s="284"/>
      <c r="K20" s="281"/>
      <c r="L20" s="283"/>
      <c r="M20" s="278"/>
      <c r="N20" s="286"/>
      <c r="O20" s="281"/>
      <c r="P20" s="284"/>
      <c r="Q20" s="278"/>
      <c r="R20" s="284"/>
      <c r="S20" s="278"/>
    </row>
    <row r="21" spans="1:19" ht="30" customHeight="1" x14ac:dyDescent="0.15">
      <c r="A21" s="553"/>
      <c r="B21" s="275" t="s">
        <v>137</v>
      </c>
      <c r="C21" s="276" t="s">
        <v>158</v>
      </c>
      <c r="D21" s="289">
        <v>1973030</v>
      </c>
      <c r="E21" s="290">
        <v>1.7</v>
      </c>
      <c r="F21" s="291">
        <v>1147706</v>
      </c>
      <c r="G21" s="292">
        <v>-1.3</v>
      </c>
      <c r="H21" s="291">
        <v>321644</v>
      </c>
      <c r="I21" s="290">
        <v>-2.2999999999999998</v>
      </c>
      <c r="J21" s="291">
        <v>48987</v>
      </c>
      <c r="K21" s="293">
        <v>-6.2</v>
      </c>
      <c r="L21" s="294">
        <v>242121</v>
      </c>
      <c r="M21" s="290">
        <v>4.2</v>
      </c>
      <c r="N21" s="295">
        <v>308923</v>
      </c>
      <c r="O21" s="293">
        <v>-4.5</v>
      </c>
      <c r="P21" s="291">
        <v>317612</v>
      </c>
      <c r="Q21" s="290">
        <v>2.2999999999999998</v>
      </c>
      <c r="R21" s="291">
        <v>234594</v>
      </c>
      <c r="S21" s="290">
        <v>-3.4</v>
      </c>
    </row>
    <row r="22" spans="1:19" ht="30" customHeight="1" x14ac:dyDescent="0.15">
      <c r="A22" s="553"/>
      <c r="B22" s="268" t="s">
        <v>27</v>
      </c>
      <c r="C22" s="269" t="s">
        <v>143</v>
      </c>
      <c r="D22" s="296">
        <v>1.02</v>
      </c>
      <c r="E22" s="297">
        <v>0.08</v>
      </c>
      <c r="F22" s="297">
        <v>2.5</v>
      </c>
      <c r="G22" s="298">
        <v>0.26</v>
      </c>
      <c r="H22" s="297">
        <v>0.68</v>
      </c>
      <c r="I22" s="297">
        <v>-0.22</v>
      </c>
      <c r="J22" s="297">
        <v>0.88</v>
      </c>
      <c r="K22" s="299">
        <v>-0.28999999999999998</v>
      </c>
      <c r="L22" s="300">
        <v>2.0299999999999998</v>
      </c>
      <c r="M22" s="301">
        <v>1.27</v>
      </c>
      <c r="N22" s="301">
        <v>1.62</v>
      </c>
      <c r="O22" s="302">
        <v>-0.05</v>
      </c>
      <c r="P22" s="297">
        <v>0.74</v>
      </c>
      <c r="Q22" s="297">
        <v>-0.18</v>
      </c>
      <c r="R22" s="297">
        <v>2.2400000000000002</v>
      </c>
      <c r="S22" s="297">
        <v>0.38</v>
      </c>
    </row>
    <row r="23" spans="1:19" ht="30" customHeight="1" x14ac:dyDescent="0.15">
      <c r="A23" s="553"/>
      <c r="B23" s="275" t="s">
        <v>28</v>
      </c>
      <c r="C23" s="276" t="s">
        <v>143</v>
      </c>
      <c r="D23" s="303">
        <v>1.1599999999999999</v>
      </c>
      <c r="E23" s="304">
        <v>0.01</v>
      </c>
      <c r="F23" s="304">
        <v>2.52</v>
      </c>
      <c r="G23" s="305">
        <v>0.34</v>
      </c>
      <c r="H23" s="304">
        <v>1.18</v>
      </c>
      <c r="I23" s="304">
        <v>0</v>
      </c>
      <c r="J23" s="304">
        <v>2.89</v>
      </c>
      <c r="K23" s="306">
        <v>0.31</v>
      </c>
      <c r="L23" s="307">
        <v>1.1299999999999999</v>
      </c>
      <c r="M23" s="308">
        <v>-0.05</v>
      </c>
      <c r="N23" s="308">
        <v>1.66</v>
      </c>
      <c r="O23" s="309">
        <v>-0.73</v>
      </c>
      <c r="P23" s="304">
        <v>1.59</v>
      </c>
      <c r="Q23" s="304">
        <v>0.15</v>
      </c>
      <c r="R23" s="304">
        <v>1.68</v>
      </c>
      <c r="S23" s="304">
        <v>0.82</v>
      </c>
    </row>
    <row r="24" spans="1:19" ht="15" customHeight="1" thickBot="1" x14ac:dyDescent="0.2">
      <c r="A24" s="553"/>
      <c r="B24" s="310"/>
      <c r="C24" s="311"/>
      <c r="D24" s="114"/>
      <c r="E24" s="68"/>
      <c r="F24" s="68"/>
      <c r="G24" s="312"/>
      <c r="H24" s="68"/>
      <c r="I24" s="68"/>
      <c r="J24" s="68"/>
      <c r="K24" s="69"/>
      <c r="L24" s="114"/>
      <c r="M24" s="68"/>
      <c r="N24" s="68"/>
      <c r="O24" s="69"/>
      <c r="P24" s="68"/>
      <c r="Q24" s="68"/>
      <c r="R24" s="68"/>
      <c r="S24" s="68"/>
    </row>
    <row r="25" spans="1:19" ht="15" customHeight="1" x14ac:dyDescent="0.15">
      <c r="A25" s="313"/>
    </row>
    <row r="26" spans="1:19" ht="15" customHeight="1" x14ac:dyDescent="0.15">
      <c r="A26" s="313"/>
      <c r="B26" s="314"/>
      <c r="C26" s="314"/>
      <c r="D26" s="314"/>
      <c r="E26" s="314"/>
      <c r="F26" s="314"/>
      <c r="G26" s="314"/>
      <c r="H26" s="314"/>
      <c r="I26" s="314"/>
      <c r="J26" s="314"/>
    </row>
  </sheetData>
  <mergeCells count="17">
    <mergeCell ref="R6:S6"/>
    <mergeCell ref="A1:A24"/>
    <mergeCell ref="B1:S1"/>
    <mergeCell ref="B3:C3"/>
    <mergeCell ref="B4:C7"/>
    <mergeCell ref="E4:F5"/>
    <mergeCell ref="I4:J5"/>
    <mergeCell ref="L4:O5"/>
    <mergeCell ref="P4:S5"/>
    <mergeCell ref="D6:E6"/>
    <mergeCell ref="F6:G6"/>
    <mergeCell ref="B8:C8"/>
    <mergeCell ref="H6:I6"/>
    <mergeCell ref="J6:K6"/>
    <mergeCell ref="L6:M6"/>
    <mergeCell ref="N6:O6"/>
    <mergeCell ref="P6:Q6"/>
  </mergeCells>
  <phoneticPr fontId="3"/>
  <printOptions horizontalCentered="1"/>
  <pageMargins left="0.59055118110236227" right="0.59055118110236227" top="0.39370078740157483" bottom="0.59055118110236227" header="0" footer="0.19685039370078741"/>
  <pageSetup paperSize="9" scale="86" orientation="landscape" errors="blank"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8DE1C96-FF0D-4AEB-9C92-E74CE1C196BE}">
  <sheetPr codeName="Sheet15">
    <tabColor indexed="52"/>
    <pageSetUpPr fitToPage="1"/>
  </sheetPr>
  <dimension ref="A1:S27"/>
  <sheetViews>
    <sheetView view="pageBreakPreview" topLeftCell="A11" zoomScaleNormal="85" zoomScaleSheetLayoutView="100" workbookViewId="0">
      <selection sqref="A1:A24"/>
    </sheetView>
  </sheetViews>
  <sheetFormatPr defaultRowHeight="13.5" x14ac:dyDescent="0.15"/>
  <cols>
    <col min="1" max="1" width="5" style="3" customWidth="1"/>
    <col min="2" max="2" width="18.875" style="28" customWidth="1"/>
    <col min="3" max="3" width="4" style="161" customWidth="1"/>
    <col min="4" max="4" width="8.375" style="28" customWidth="1"/>
    <col min="5" max="5" width="6.625" style="28" customWidth="1"/>
    <col min="6" max="6" width="7.875" style="28" customWidth="1"/>
    <col min="7" max="7" width="6.625" style="28" customWidth="1"/>
    <col min="8" max="8" width="8.375" style="28" customWidth="1"/>
    <col min="9" max="9" width="6.625" style="28" customWidth="1"/>
    <col min="10" max="10" width="7.875" style="28" customWidth="1"/>
    <col min="11" max="11" width="6.625" style="28" customWidth="1"/>
    <col min="12" max="12" width="8.375" style="28" customWidth="1"/>
    <col min="13" max="13" width="6.625" style="28" customWidth="1"/>
    <col min="14" max="14" width="7.875" style="28" customWidth="1"/>
    <col min="15" max="15" width="6.625" style="28" customWidth="1"/>
    <col min="16" max="16" width="8.375" style="28" customWidth="1"/>
    <col min="17" max="17" width="6.625" style="28" customWidth="1"/>
    <col min="18" max="18" width="7.875" style="28" customWidth="1"/>
    <col min="19" max="19" width="6.625" style="28" customWidth="1"/>
    <col min="20" max="20" width="2.5" style="3" customWidth="1"/>
    <col min="21" max="16384" width="9" style="3"/>
  </cols>
  <sheetData>
    <row r="1" spans="1:19" ht="24.75" customHeight="1" x14ac:dyDescent="0.15">
      <c r="A1" s="553" t="s">
        <v>159</v>
      </c>
      <c r="B1" s="491" t="s">
        <v>160</v>
      </c>
      <c r="C1" s="491"/>
      <c r="D1" s="491"/>
      <c r="E1" s="491"/>
      <c r="F1" s="491"/>
      <c r="G1" s="491"/>
      <c r="H1" s="491"/>
      <c r="I1" s="491"/>
      <c r="J1" s="491"/>
      <c r="K1" s="491"/>
      <c r="L1" s="491"/>
      <c r="M1" s="491"/>
      <c r="N1" s="491"/>
      <c r="O1" s="491"/>
      <c r="P1" s="491"/>
      <c r="Q1" s="491"/>
      <c r="R1" s="491"/>
      <c r="S1" s="491"/>
    </row>
    <row r="2" spans="1:19" ht="11.25" customHeight="1" x14ac:dyDescent="0.15">
      <c r="A2" s="553"/>
      <c r="B2" s="245"/>
      <c r="C2" s="1"/>
      <c r="D2" s="246"/>
      <c r="E2" s="246"/>
      <c r="F2" s="246"/>
      <c r="G2" s="246"/>
      <c r="H2" s="246"/>
      <c r="I2" s="246"/>
      <c r="J2" s="246"/>
      <c r="K2" s="246"/>
      <c r="L2" s="246"/>
      <c r="M2" s="245"/>
      <c r="N2" s="245"/>
      <c r="O2" s="245"/>
      <c r="P2" s="245"/>
    </row>
    <row r="3" spans="1:19" ht="15.75" customHeight="1" thickBot="1" x14ac:dyDescent="0.2">
      <c r="A3" s="553"/>
      <c r="B3" s="580" t="s">
        <v>161</v>
      </c>
      <c r="C3" s="580"/>
    </row>
    <row r="4" spans="1:19" ht="15.75" customHeight="1" x14ac:dyDescent="0.15">
      <c r="A4" s="553"/>
      <c r="B4" s="493" t="s">
        <v>146</v>
      </c>
      <c r="C4" s="520"/>
      <c r="D4" s="247"/>
      <c r="E4" s="581" t="s">
        <v>78</v>
      </c>
      <c r="F4" s="581"/>
      <c r="G4" s="248"/>
      <c r="H4" s="249"/>
      <c r="I4" s="581" t="s">
        <v>80</v>
      </c>
      <c r="J4" s="581"/>
      <c r="K4" s="250"/>
      <c r="L4" s="492" t="s">
        <v>147</v>
      </c>
      <c r="M4" s="556"/>
      <c r="N4" s="556"/>
      <c r="O4" s="573"/>
      <c r="P4" s="493" t="s">
        <v>91</v>
      </c>
      <c r="Q4" s="556"/>
      <c r="R4" s="556"/>
      <c r="S4" s="556"/>
    </row>
    <row r="5" spans="1:19" ht="15.75" customHeight="1" x14ac:dyDescent="0.15">
      <c r="A5" s="553"/>
      <c r="B5" s="495"/>
      <c r="C5" s="521"/>
      <c r="D5" s="251"/>
      <c r="E5" s="582"/>
      <c r="F5" s="582"/>
      <c r="G5" s="252"/>
      <c r="H5" s="130"/>
      <c r="I5" s="582"/>
      <c r="J5" s="582"/>
      <c r="K5" s="253"/>
      <c r="L5" s="574"/>
      <c r="M5" s="557"/>
      <c r="N5" s="557"/>
      <c r="O5" s="575"/>
      <c r="P5" s="557"/>
      <c r="Q5" s="557"/>
      <c r="R5" s="557"/>
      <c r="S5" s="557"/>
    </row>
    <row r="6" spans="1:19" ht="30" customHeight="1" x14ac:dyDescent="0.15">
      <c r="A6" s="553"/>
      <c r="B6" s="495"/>
      <c r="C6" s="521"/>
      <c r="D6" s="583" t="s">
        <v>148</v>
      </c>
      <c r="E6" s="584"/>
      <c r="F6" s="583" t="s">
        <v>149</v>
      </c>
      <c r="G6" s="585"/>
      <c r="H6" s="586" t="s">
        <v>148</v>
      </c>
      <c r="I6" s="584"/>
      <c r="J6" s="583" t="s">
        <v>149</v>
      </c>
      <c r="K6" s="586"/>
      <c r="L6" s="583" t="s">
        <v>148</v>
      </c>
      <c r="M6" s="584"/>
      <c r="N6" s="583" t="s">
        <v>149</v>
      </c>
      <c r="O6" s="586"/>
      <c r="P6" s="583" t="s">
        <v>148</v>
      </c>
      <c r="Q6" s="584"/>
      <c r="R6" s="583" t="s">
        <v>149</v>
      </c>
      <c r="S6" s="586"/>
    </row>
    <row r="7" spans="1:19" ht="10.5" customHeight="1" x14ac:dyDescent="0.15">
      <c r="A7" s="553"/>
      <c r="B7" s="495"/>
      <c r="C7" s="521"/>
      <c r="D7" s="29"/>
      <c r="E7" s="254" t="s">
        <v>150</v>
      </c>
      <c r="G7" s="255" t="s">
        <v>150</v>
      </c>
      <c r="H7" s="137"/>
      <c r="I7" s="254" t="s">
        <v>150</v>
      </c>
      <c r="J7" s="137"/>
      <c r="K7" s="254" t="s">
        <v>150</v>
      </c>
      <c r="L7" s="182"/>
      <c r="M7" s="254" t="s">
        <v>150</v>
      </c>
      <c r="N7" s="137"/>
      <c r="O7" s="254" t="s">
        <v>150</v>
      </c>
      <c r="P7" s="137"/>
      <c r="Q7" s="254" t="s">
        <v>150</v>
      </c>
      <c r="R7" s="137"/>
      <c r="S7" s="256" t="s">
        <v>150</v>
      </c>
    </row>
    <row r="8" spans="1:19" s="262" customFormat="1" ht="11.25" customHeight="1" x14ac:dyDescent="0.15">
      <c r="A8" s="553"/>
      <c r="B8" s="507" t="s">
        <v>151</v>
      </c>
      <c r="C8" s="525"/>
      <c r="D8" s="257"/>
      <c r="E8" s="258" t="s">
        <v>142</v>
      </c>
      <c r="F8" s="259"/>
      <c r="G8" s="260" t="s">
        <v>142</v>
      </c>
      <c r="H8" s="259"/>
      <c r="I8" s="258" t="s">
        <v>142</v>
      </c>
      <c r="J8" s="259"/>
      <c r="K8" s="258" t="s">
        <v>142</v>
      </c>
      <c r="L8" s="261"/>
      <c r="M8" s="258" t="s">
        <v>142</v>
      </c>
      <c r="N8" s="259"/>
      <c r="O8" s="258" t="s">
        <v>142</v>
      </c>
      <c r="P8" s="259"/>
      <c r="Q8" s="258" t="s">
        <v>142</v>
      </c>
      <c r="R8" s="259"/>
      <c r="S8" s="21" t="s">
        <v>142</v>
      </c>
    </row>
    <row r="9" spans="1:19" ht="15" customHeight="1" x14ac:dyDescent="0.15">
      <c r="A9" s="553"/>
      <c r="B9" s="263"/>
      <c r="C9" s="263"/>
      <c r="D9" s="29"/>
      <c r="E9" s="264"/>
      <c r="F9" s="159"/>
      <c r="G9" s="265"/>
      <c r="H9" s="159"/>
      <c r="I9" s="264"/>
      <c r="J9" s="159"/>
      <c r="K9" s="266"/>
      <c r="L9" s="267"/>
      <c r="M9" s="264"/>
      <c r="N9" s="159"/>
      <c r="O9" s="266"/>
      <c r="P9" s="159"/>
      <c r="Q9" s="264"/>
      <c r="S9" s="264"/>
    </row>
    <row r="10" spans="1:19" ht="30" customHeight="1" x14ac:dyDescent="0.15">
      <c r="A10" s="553"/>
      <c r="B10" s="268" t="s">
        <v>5</v>
      </c>
      <c r="C10" s="269" t="s">
        <v>152</v>
      </c>
      <c r="D10" s="270">
        <v>426190</v>
      </c>
      <c r="E10" s="271">
        <v>2.7</v>
      </c>
      <c r="F10" s="272">
        <v>133652</v>
      </c>
      <c r="G10" s="273">
        <v>3.1</v>
      </c>
      <c r="H10" s="272">
        <v>464784</v>
      </c>
      <c r="I10" s="271">
        <v>1.9</v>
      </c>
      <c r="J10" s="272">
        <v>169240</v>
      </c>
      <c r="K10" s="274">
        <v>6.4</v>
      </c>
      <c r="L10" s="270">
        <v>420354</v>
      </c>
      <c r="M10" s="271">
        <v>7.4</v>
      </c>
      <c r="N10" s="272">
        <v>117088</v>
      </c>
      <c r="O10" s="274">
        <v>0.7</v>
      </c>
      <c r="P10" s="272">
        <v>387624</v>
      </c>
      <c r="Q10" s="271">
        <v>-3.4</v>
      </c>
      <c r="R10" s="272">
        <v>165901</v>
      </c>
      <c r="S10" s="271">
        <v>6.8</v>
      </c>
    </row>
    <row r="11" spans="1:19" ht="30" customHeight="1" x14ac:dyDescent="0.15">
      <c r="A11" s="553"/>
      <c r="B11" s="275" t="s">
        <v>153</v>
      </c>
      <c r="C11" s="276" t="s">
        <v>152</v>
      </c>
      <c r="D11" s="277">
        <v>413339</v>
      </c>
      <c r="E11" s="278">
        <v>1.9</v>
      </c>
      <c r="F11" s="279">
        <v>130734</v>
      </c>
      <c r="G11" s="280">
        <v>1.5</v>
      </c>
      <c r="H11" s="279">
        <v>433971</v>
      </c>
      <c r="I11" s="278">
        <v>-1.6</v>
      </c>
      <c r="J11" s="279">
        <v>168576</v>
      </c>
      <c r="K11" s="281">
        <v>6.5</v>
      </c>
      <c r="L11" s="277">
        <v>416246</v>
      </c>
      <c r="M11" s="278">
        <v>7.3</v>
      </c>
      <c r="N11" s="279">
        <v>116665</v>
      </c>
      <c r="O11" s="281">
        <v>0.4</v>
      </c>
      <c r="P11" s="279">
        <v>370969</v>
      </c>
      <c r="Q11" s="278">
        <v>-3.3</v>
      </c>
      <c r="R11" s="279">
        <v>165754</v>
      </c>
      <c r="S11" s="278">
        <v>6.7</v>
      </c>
    </row>
    <row r="12" spans="1:19" ht="30" customHeight="1" x14ac:dyDescent="0.15">
      <c r="A12" s="553"/>
      <c r="B12" s="268" t="s">
        <v>8</v>
      </c>
      <c r="C12" s="269" t="s">
        <v>152</v>
      </c>
      <c r="D12" s="270">
        <v>383118</v>
      </c>
      <c r="E12" s="271">
        <v>2.2999999999999998</v>
      </c>
      <c r="F12" s="272">
        <v>126150</v>
      </c>
      <c r="G12" s="273">
        <v>1.5</v>
      </c>
      <c r="H12" s="272">
        <v>394968</v>
      </c>
      <c r="I12" s="271">
        <v>-1.6</v>
      </c>
      <c r="J12" s="272">
        <v>157498</v>
      </c>
      <c r="K12" s="274">
        <v>7.6</v>
      </c>
      <c r="L12" s="270">
        <v>389555</v>
      </c>
      <c r="M12" s="271">
        <v>8.8000000000000007</v>
      </c>
      <c r="N12" s="272">
        <v>114362</v>
      </c>
      <c r="O12" s="274">
        <v>0.8</v>
      </c>
      <c r="P12" s="272">
        <v>348104</v>
      </c>
      <c r="Q12" s="271">
        <v>-2.5</v>
      </c>
      <c r="R12" s="272">
        <v>162726</v>
      </c>
      <c r="S12" s="271">
        <v>6.7</v>
      </c>
    </row>
    <row r="13" spans="1:19" ht="30" customHeight="1" x14ac:dyDescent="0.15">
      <c r="A13" s="553"/>
      <c r="B13" s="275" t="s">
        <v>9</v>
      </c>
      <c r="C13" s="276" t="s">
        <v>152</v>
      </c>
      <c r="D13" s="277">
        <v>30221</v>
      </c>
      <c r="E13" s="278" t="s">
        <v>154</v>
      </c>
      <c r="F13" s="279">
        <v>4584</v>
      </c>
      <c r="G13" s="280" t="s">
        <v>154</v>
      </c>
      <c r="H13" s="279">
        <v>39003</v>
      </c>
      <c r="I13" s="278" t="s">
        <v>154</v>
      </c>
      <c r="J13" s="279">
        <v>11078</v>
      </c>
      <c r="K13" s="281" t="s">
        <v>154</v>
      </c>
      <c r="L13" s="277">
        <v>26691</v>
      </c>
      <c r="M13" s="278" t="s">
        <v>154</v>
      </c>
      <c r="N13" s="279">
        <v>2303</v>
      </c>
      <c r="O13" s="281" t="s">
        <v>154</v>
      </c>
      <c r="P13" s="279">
        <v>22865</v>
      </c>
      <c r="Q13" s="278" t="s">
        <v>154</v>
      </c>
      <c r="R13" s="279">
        <v>3028</v>
      </c>
      <c r="S13" s="278" t="s">
        <v>154</v>
      </c>
    </row>
    <row r="14" spans="1:19" ht="30" customHeight="1" x14ac:dyDescent="0.15">
      <c r="A14" s="553"/>
      <c r="B14" s="268" t="s">
        <v>155</v>
      </c>
      <c r="C14" s="269" t="s">
        <v>152</v>
      </c>
      <c r="D14" s="270">
        <v>12851</v>
      </c>
      <c r="E14" s="271" t="s">
        <v>154</v>
      </c>
      <c r="F14" s="272">
        <v>2918</v>
      </c>
      <c r="G14" s="273" t="s">
        <v>154</v>
      </c>
      <c r="H14" s="272">
        <v>30813</v>
      </c>
      <c r="I14" s="271" t="s">
        <v>154</v>
      </c>
      <c r="J14" s="272">
        <v>664</v>
      </c>
      <c r="K14" s="274" t="s">
        <v>154</v>
      </c>
      <c r="L14" s="270">
        <v>4108</v>
      </c>
      <c r="M14" s="271" t="s">
        <v>154</v>
      </c>
      <c r="N14" s="272">
        <v>423</v>
      </c>
      <c r="O14" s="274" t="s">
        <v>154</v>
      </c>
      <c r="P14" s="272">
        <v>16655</v>
      </c>
      <c r="Q14" s="271" t="s">
        <v>154</v>
      </c>
      <c r="R14" s="272">
        <v>147</v>
      </c>
      <c r="S14" s="271" t="s">
        <v>154</v>
      </c>
    </row>
    <row r="15" spans="1:19" ht="15" customHeight="1" x14ac:dyDescent="0.15">
      <c r="A15" s="553"/>
      <c r="B15" s="275"/>
      <c r="C15" s="282"/>
      <c r="D15" s="283"/>
      <c r="E15" s="278"/>
      <c r="F15" s="284"/>
      <c r="G15" s="280"/>
      <c r="H15" s="284"/>
      <c r="I15" s="278"/>
      <c r="J15" s="284"/>
      <c r="K15" s="281"/>
      <c r="L15" s="283"/>
      <c r="M15" s="278"/>
      <c r="N15" s="284"/>
      <c r="O15" s="281"/>
      <c r="P15" s="284"/>
      <c r="Q15" s="278"/>
      <c r="R15" s="284"/>
      <c r="S15" s="278"/>
    </row>
    <row r="16" spans="1:19" ht="30" customHeight="1" x14ac:dyDescent="0.15">
      <c r="A16" s="553"/>
      <c r="B16" s="275" t="s">
        <v>18</v>
      </c>
      <c r="C16" s="276" t="s">
        <v>156</v>
      </c>
      <c r="D16" s="285">
        <v>18.100000000000001</v>
      </c>
      <c r="E16" s="278">
        <v>0</v>
      </c>
      <c r="F16" s="286">
        <v>13.1</v>
      </c>
      <c r="G16" s="280">
        <v>0.1</v>
      </c>
      <c r="H16" s="286">
        <v>17.399999999999999</v>
      </c>
      <c r="I16" s="278">
        <v>-0.3</v>
      </c>
      <c r="J16" s="286">
        <v>15.6</v>
      </c>
      <c r="K16" s="281">
        <v>0.2</v>
      </c>
      <c r="L16" s="285">
        <v>18.899999999999999</v>
      </c>
      <c r="M16" s="278">
        <v>0.6</v>
      </c>
      <c r="N16" s="286">
        <v>14.2</v>
      </c>
      <c r="O16" s="281">
        <v>-0.3</v>
      </c>
      <c r="P16" s="286">
        <v>18.3</v>
      </c>
      <c r="Q16" s="278">
        <v>-0.3</v>
      </c>
      <c r="R16" s="286">
        <v>12.1</v>
      </c>
      <c r="S16" s="278">
        <v>0.6</v>
      </c>
    </row>
    <row r="17" spans="1:19" ht="30" customHeight="1" x14ac:dyDescent="0.15">
      <c r="A17" s="553"/>
      <c r="B17" s="268" t="s">
        <v>19</v>
      </c>
      <c r="C17" s="269" t="s">
        <v>157</v>
      </c>
      <c r="D17" s="287">
        <v>153.69999999999999</v>
      </c>
      <c r="E17" s="271">
        <v>0.9</v>
      </c>
      <c r="F17" s="288">
        <v>80.599999999999994</v>
      </c>
      <c r="G17" s="273">
        <v>1.3</v>
      </c>
      <c r="H17" s="288">
        <v>150</v>
      </c>
      <c r="I17" s="271">
        <v>-0.9</v>
      </c>
      <c r="J17" s="288">
        <v>111.2</v>
      </c>
      <c r="K17" s="274">
        <v>-0.3</v>
      </c>
      <c r="L17" s="287">
        <v>159.9</v>
      </c>
      <c r="M17" s="271">
        <v>5</v>
      </c>
      <c r="N17" s="288">
        <v>81.8</v>
      </c>
      <c r="O17" s="274">
        <v>-1.9</v>
      </c>
      <c r="P17" s="288">
        <v>149.80000000000001</v>
      </c>
      <c r="Q17" s="271">
        <v>0.5</v>
      </c>
      <c r="R17" s="288">
        <v>78.3</v>
      </c>
      <c r="S17" s="271">
        <v>10.6</v>
      </c>
    </row>
    <row r="18" spans="1:19" ht="30" customHeight="1" x14ac:dyDescent="0.15">
      <c r="A18" s="553"/>
      <c r="B18" s="275" t="s">
        <v>20</v>
      </c>
      <c r="C18" s="276" t="s">
        <v>157</v>
      </c>
      <c r="D18" s="285">
        <v>138.5</v>
      </c>
      <c r="E18" s="278">
        <v>0.8</v>
      </c>
      <c r="F18" s="286">
        <v>77.5</v>
      </c>
      <c r="G18" s="280">
        <v>1</v>
      </c>
      <c r="H18" s="286">
        <v>134.69999999999999</v>
      </c>
      <c r="I18" s="278">
        <v>-1.9</v>
      </c>
      <c r="J18" s="286">
        <v>105.8</v>
      </c>
      <c r="K18" s="281">
        <v>1</v>
      </c>
      <c r="L18" s="285">
        <v>145.30000000000001</v>
      </c>
      <c r="M18" s="278">
        <v>5.0999999999999996</v>
      </c>
      <c r="N18" s="286">
        <v>78.900000000000006</v>
      </c>
      <c r="O18" s="281">
        <v>-2.6</v>
      </c>
      <c r="P18" s="286">
        <v>141.5</v>
      </c>
      <c r="Q18" s="278">
        <v>1.2</v>
      </c>
      <c r="R18" s="286">
        <v>77.099999999999994</v>
      </c>
      <c r="S18" s="278">
        <v>10.3</v>
      </c>
    </row>
    <row r="19" spans="1:19" ht="30" customHeight="1" x14ac:dyDescent="0.15">
      <c r="A19" s="553"/>
      <c r="B19" s="268" t="s">
        <v>21</v>
      </c>
      <c r="C19" s="269" t="s">
        <v>157</v>
      </c>
      <c r="D19" s="287">
        <v>15.2</v>
      </c>
      <c r="E19" s="271">
        <v>1.9</v>
      </c>
      <c r="F19" s="288">
        <v>3.1</v>
      </c>
      <c r="G19" s="273">
        <v>10.7</v>
      </c>
      <c r="H19" s="288">
        <v>15.3</v>
      </c>
      <c r="I19" s="271">
        <v>7</v>
      </c>
      <c r="J19" s="288">
        <v>5.4</v>
      </c>
      <c r="K19" s="274">
        <v>-21.7</v>
      </c>
      <c r="L19" s="287">
        <v>14.6</v>
      </c>
      <c r="M19" s="271">
        <v>4.3</v>
      </c>
      <c r="N19" s="288">
        <v>2.9</v>
      </c>
      <c r="O19" s="274">
        <v>26.1</v>
      </c>
      <c r="P19" s="288">
        <v>8.3000000000000007</v>
      </c>
      <c r="Q19" s="271">
        <v>-7.8</v>
      </c>
      <c r="R19" s="288">
        <v>1.2</v>
      </c>
      <c r="S19" s="271">
        <v>33.4</v>
      </c>
    </row>
    <row r="20" spans="1:19" ht="15" customHeight="1" x14ac:dyDescent="0.15">
      <c r="A20" s="553"/>
      <c r="B20" s="275"/>
      <c r="C20" s="276"/>
      <c r="D20" s="283"/>
      <c r="E20" s="278"/>
      <c r="F20" s="284"/>
      <c r="G20" s="280"/>
      <c r="H20" s="284"/>
      <c r="I20" s="278"/>
      <c r="J20" s="284"/>
      <c r="K20" s="281"/>
      <c r="L20" s="283"/>
      <c r="M20" s="278"/>
      <c r="N20" s="286"/>
      <c r="O20" s="281"/>
      <c r="P20" s="284"/>
      <c r="Q20" s="278"/>
      <c r="R20" s="284"/>
      <c r="S20" s="278"/>
    </row>
    <row r="21" spans="1:19" ht="30" customHeight="1" x14ac:dyDescent="0.15">
      <c r="A21" s="553"/>
      <c r="B21" s="275" t="s">
        <v>137</v>
      </c>
      <c r="C21" s="276" t="s">
        <v>158</v>
      </c>
      <c r="D21" s="294">
        <v>1362235</v>
      </c>
      <c r="E21" s="290">
        <v>-0.6</v>
      </c>
      <c r="F21" s="295">
        <v>543782</v>
      </c>
      <c r="G21" s="292">
        <v>-0.8</v>
      </c>
      <c r="H21" s="295">
        <v>272381</v>
      </c>
      <c r="I21" s="290">
        <v>-2.4</v>
      </c>
      <c r="J21" s="295">
        <v>39167</v>
      </c>
      <c r="K21" s="293">
        <v>5.0999999999999996</v>
      </c>
      <c r="L21" s="294">
        <v>126921</v>
      </c>
      <c r="M21" s="290">
        <v>5.0999999999999996</v>
      </c>
      <c r="N21" s="295">
        <v>141269</v>
      </c>
      <c r="O21" s="293">
        <v>-4.0999999999999996</v>
      </c>
      <c r="P21" s="295">
        <v>219533</v>
      </c>
      <c r="Q21" s="290">
        <v>5.3</v>
      </c>
      <c r="R21" s="295">
        <v>101375</v>
      </c>
      <c r="S21" s="290">
        <v>-12.1</v>
      </c>
    </row>
    <row r="22" spans="1:19" ht="30" customHeight="1" x14ac:dyDescent="0.15">
      <c r="A22" s="553"/>
      <c r="B22" s="268" t="s">
        <v>27</v>
      </c>
      <c r="C22" s="269" t="s">
        <v>143</v>
      </c>
      <c r="D22" s="315">
        <v>0.87</v>
      </c>
      <c r="E22" s="316">
        <v>0.01</v>
      </c>
      <c r="F22" s="301">
        <v>2.0499999999999998</v>
      </c>
      <c r="G22" s="317">
        <v>0.34</v>
      </c>
      <c r="H22" s="301">
        <v>0.68</v>
      </c>
      <c r="I22" s="301">
        <v>-0.06</v>
      </c>
      <c r="J22" s="301">
        <v>1.1000000000000001</v>
      </c>
      <c r="K22" s="302">
        <v>0.15</v>
      </c>
      <c r="L22" s="300">
        <v>2.0099999999999998</v>
      </c>
      <c r="M22" s="301">
        <v>1.1599999999999999</v>
      </c>
      <c r="N22" s="301">
        <v>0.86</v>
      </c>
      <c r="O22" s="302">
        <v>0.22</v>
      </c>
      <c r="P22" s="301">
        <v>0.54</v>
      </c>
      <c r="Q22" s="301">
        <v>-0.18</v>
      </c>
      <c r="R22" s="301">
        <v>2.99</v>
      </c>
      <c r="S22" s="301">
        <v>1.1000000000000001</v>
      </c>
    </row>
    <row r="23" spans="1:19" ht="30" customHeight="1" x14ac:dyDescent="0.15">
      <c r="A23" s="553"/>
      <c r="B23" s="275" t="s">
        <v>28</v>
      </c>
      <c r="C23" s="276" t="s">
        <v>143</v>
      </c>
      <c r="D23" s="318">
        <v>1.18</v>
      </c>
      <c r="E23" s="319">
        <v>0.14000000000000001</v>
      </c>
      <c r="F23" s="308">
        <v>2.1800000000000002</v>
      </c>
      <c r="G23" s="320">
        <v>-0.13</v>
      </c>
      <c r="H23" s="308">
        <v>0.92</v>
      </c>
      <c r="I23" s="308">
        <v>-0.11</v>
      </c>
      <c r="J23" s="308">
        <v>2.89</v>
      </c>
      <c r="K23" s="309">
        <v>0.85</v>
      </c>
      <c r="L23" s="307">
        <v>0.92</v>
      </c>
      <c r="M23" s="308">
        <v>0.24</v>
      </c>
      <c r="N23" s="308">
        <v>0.83</v>
      </c>
      <c r="O23" s="309">
        <v>-1.57</v>
      </c>
      <c r="P23" s="308">
        <v>1.43</v>
      </c>
      <c r="Q23" s="308">
        <v>0.02</v>
      </c>
      <c r="R23" s="308">
        <v>2.13</v>
      </c>
      <c r="S23" s="308">
        <v>1.7</v>
      </c>
    </row>
    <row r="24" spans="1:19" ht="15" customHeight="1" thickBot="1" x14ac:dyDescent="0.2">
      <c r="A24" s="553"/>
      <c r="B24" s="310"/>
      <c r="C24" s="311"/>
      <c r="D24" s="114"/>
      <c r="E24" s="68"/>
      <c r="F24" s="68"/>
      <c r="G24" s="312"/>
      <c r="H24" s="68"/>
      <c r="I24" s="68"/>
      <c r="J24" s="68"/>
      <c r="K24" s="69"/>
      <c r="L24" s="114"/>
      <c r="M24" s="68"/>
      <c r="N24" s="68"/>
      <c r="O24" s="69"/>
      <c r="P24" s="68"/>
      <c r="Q24" s="68"/>
      <c r="R24" s="68"/>
      <c r="S24" s="68"/>
    </row>
    <row r="25" spans="1:19" ht="15" customHeight="1" x14ac:dyDescent="0.15">
      <c r="A25" s="313"/>
    </row>
    <row r="26" spans="1:19" ht="15" customHeight="1" x14ac:dyDescent="0.15">
      <c r="A26" s="313"/>
      <c r="B26" s="314"/>
      <c r="C26" s="314"/>
      <c r="D26" s="314"/>
      <c r="E26" s="314"/>
      <c r="F26" s="314"/>
      <c r="G26" s="314"/>
      <c r="H26" s="314"/>
      <c r="I26" s="314"/>
      <c r="J26" s="314"/>
    </row>
    <row r="27" spans="1:19" ht="15" customHeight="1" x14ac:dyDescent="0.15">
      <c r="A27" s="313"/>
      <c r="B27" s="587"/>
      <c r="C27" s="588"/>
      <c r="D27" s="588"/>
      <c r="E27" s="588"/>
      <c r="F27" s="588"/>
      <c r="G27" s="588"/>
      <c r="H27" s="588"/>
      <c r="I27" s="588"/>
      <c r="J27" s="588"/>
      <c r="K27" s="588"/>
      <c r="L27" s="588"/>
      <c r="M27" s="588"/>
      <c r="N27" s="588"/>
    </row>
  </sheetData>
  <mergeCells count="18">
    <mergeCell ref="B27:N27"/>
    <mergeCell ref="H6:I6"/>
    <mergeCell ref="J6:K6"/>
    <mergeCell ref="L6:M6"/>
    <mergeCell ref="N6:O6"/>
    <mergeCell ref="P6:Q6"/>
    <mergeCell ref="R6:S6"/>
    <mergeCell ref="A1:A24"/>
    <mergeCell ref="B1:S1"/>
    <mergeCell ref="B3:C3"/>
    <mergeCell ref="B4:C7"/>
    <mergeCell ref="E4:F5"/>
    <mergeCell ref="I4:J5"/>
    <mergeCell ref="L4:O5"/>
    <mergeCell ref="P4:S5"/>
    <mergeCell ref="D6:E6"/>
    <mergeCell ref="F6:G6"/>
    <mergeCell ref="B8:C8"/>
  </mergeCells>
  <phoneticPr fontId="3"/>
  <printOptions horizontalCentered="1"/>
  <pageMargins left="0.59055118110236227" right="0.59055118110236227" top="0.39370078740157483" bottom="0.59055118110236227" header="0" footer="0.19685039370078741"/>
  <pageSetup paperSize="9" scale="86" orientation="landscape" errors="blank"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8</vt:i4>
      </vt:variant>
      <vt:variant>
        <vt:lpstr>名前付き一覧</vt:lpstr>
      </vt:variant>
      <vt:variant>
        <vt:i4>18</vt:i4>
      </vt:variant>
    </vt:vector>
  </HeadingPairs>
  <TitlesOfParts>
    <vt:vector size="36" baseType="lpstr">
      <vt:lpstr>第1表</vt:lpstr>
      <vt:lpstr>第2-1表</vt:lpstr>
      <vt:lpstr>第2-2表</vt:lpstr>
      <vt:lpstr>第3-1表</vt:lpstr>
      <vt:lpstr>第3-2表</vt:lpstr>
      <vt:lpstr>第4-1表</vt:lpstr>
      <vt:lpstr>第4-2表</vt:lpstr>
      <vt:lpstr>第5-1表</vt:lpstr>
      <vt:lpstr>第5-2表</vt:lpstr>
      <vt:lpstr>第6-1表</vt:lpstr>
      <vt:lpstr>第6-2表</vt:lpstr>
      <vt:lpstr>第6-3表</vt:lpstr>
      <vt:lpstr>第6-4表</vt:lpstr>
      <vt:lpstr>第7-1表</vt:lpstr>
      <vt:lpstr>第7-2表</vt:lpstr>
      <vt:lpstr>第7-3表</vt:lpstr>
      <vt:lpstr>第8表</vt:lpstr>
      <vt:lpstr>参考資料</vt:lpstr>
      <vt:lpstr>参考資料!Print_Area</vt:lpstr>
      <vt:lpstr>第1表!Print_Area</vt:lpstr>
      <vt:lpstr>'第2-1表'!Print_Area</vt:lpstr>
      <vt:lpstr>'第2-2表'!Print_Area</vt:lpstr>
      <vt:lpstr>'第3-1表'!Print_Area</vt:lpstr>
      <vt:lpstr>'第3-2表'!Print_Area</vt:lpstr>
      <vt:lpstr>'第4-1表'!Print_Area</vt:lpstr>
      <vt:lpstr>'第4-2表'!Print_Area</vt:lpstr>
      <vt:lpstr>'第5-1表'!Print_Area</vt:lpstr>
      <vt:lpstr>'第5-2表'!Print_Area</vt:lpstr>
      <vt:lpstr>'第6-1表'!Print_Area</vt:lpstr>
      <vt:lpstr>'第6-2表'!Print_Area</vt:lpstr>
      <vt:lpstr>'第6-3表'!Print_Area</vt:lpstr>
      <vt:lpstr>'第6-4表'!Print_Area</vt:lpstr>
      <vt:lpstr>'第7-1表'!Print_Area</vt:lpstr>
      <vt:lpstr>'第7-2表'!Print_Area</vt:lpstr>
      <vt:lpstr>'第7-3表'!Print_Area</vt:lpstr>
      <vt:lpstr>第8表!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3-30T05:26:27Z</cp:lastPrinted>
  <dcterms:created xsi:type="dcterms:W3CDTF">2026-03-23T05:13:19Z</dcterms:created>
  <dcterms:modified xsi:type="dcterms:W3CDTF">2026-03-30T05:27:07Z</dcterms:modified>
</cp:coreProperties>
</file>